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6. Robo\15-175-2023 Chirurgický (excimerový) laser a ateroktomické katétre\03. Príprava\06. PTK\01. Odoslané\"/>
    </mc:Choice>
  </mc:AlternateContent>
  <bookViews>
    <workbookView xWindow="0" yWindow="0" windowWidth="23040" windowHeight="9195"/>
  </bookViews>
  <sheets>
    <sheet name="PTK - Ponuka" sheetId="8" r:id="rId1"/>
  </sheets>
  <definedNames>
    <definedName name="_xlnm.Print_Area" localSheetId="0">'PTK - Ponuka'!$A$1:$F$17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78" uniqueCount="254">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1.1</t>
  </si>
  <si>
    <t>Poznámka:</t>
  </si>
  <si>
    <t>- povinné údaje vyplní uchádzač</t>
  </si>
  <si>
    <t>5.</t>
  </si>
  <si>
    <t>6.</t>
  </si>
  <si>
    <t>7.</t>
  </si>
  <si>
    <t>8.</t>
  </si>
  <si>
    <t>9.</t>
  </si>
  <si>
    <t>10.</t>
  </si>
  <si>
    <t>11.</t>
  </si>
  <si>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r>
      <t xml:space="preserve">Potvrdenie ŠÚKL </t>
    </r>
    <r>
      <rPr>
        <sz val="10"/>
        <color theme="1"/>
        <rFont val="Arial"/>
        <family val="2"/>
        <charset val="238"/>
      </rPr>
      <t>(výstup z databázy registrovaných/evidovaných zdravotníckych pomôcok), resp. iné doklady, ktoré nahrádzajú požadované potvrdenie</t>
    </r>
  </si>
  <si>
    <t>Kalkulácia ceny - Štruktúrovaný rozpočet ceny predmetu zákazky</t>
  </si>
  <si>
    <t>60000000-8 Dopravné služby (bez prepravy odpadu)</t>
  </si>
  <si>
    <t>50421000-2 Opravy a údržba lekárskych zariadení</t>
  </si>
  <si>
    <t>Položka č. 2</t>
  </si>
  <si>
    <t>Pozáručný servis pre položku č. 1 (bez náhradných dielov)</t>
  </si>
  <si>
    <t>mesiac</t>
  </si>
  <si>
    <t>Servisná starostlivosť o zariadenie vo vlastníctve objednávateľa</t>
  </si>
  <si>
    <t>Preventívna údržba vrátane povinných revízii podľa plánu v termínoch určených výrobcom</t>
  </si>
  <si>
    <t>Plán údržby a revízii</t>
  </si>
  <si>
    <t>O každom zásahu vedenie servisnej správy podpísanej zodpovednou osobou objednávateľa</t>
  </si>
  <si>
    <t>Oprava zariadení v prípade nefunkčnosti v dôsledku poruchy</t>
  </si>
  <si>
    <t>Služba umožňujúca objednávateľovi zasielať požiadavky online</t>
  </si>
  <si>
    <t>Cestovné a všetky ostatné náklady zahrnuté v rámci paušálu</t>
  </si>
  <si>
    <t>Nástup na opravu do 24 hodín od nahlásenia poruchy</t>
  </si>
  <si>
    <t>Odstránenie poruchy do 72 hodín, v prípade nedostupnosti náhradného dielu, po dohode s objednávateľom.</t>
  </si>
  <si>
    <t>Vykonávanie opráv v čase od 7:00 do 15:00</t>
  </si>
  <si>
    <t>Používanie len originálnych náhradných dielov</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r>
      <t xml:space="preserve">Výstupný dokument posudzovania zhody </t>
    </r>
    <r>
      <rPr>
        <sz val="10"/>
        <color theme="1"/>
        <rFont val="Arial"/>
        <family val="2"/>
        <charset val="238"/>
      </rPr>
      <t>(EÚ vyhlásenie o zhode, označenie CE, značka zhody, certifikát, rozhodnutie, protokol, správa, stanovisko, záznam alebo iný dokument vydaný autorizovanou osobou alebo notifikovanou osobou, ktorý osvedčuje splnenie základných požiadaviek určeného výrobku postupom posudzovania zhody) podľa zák. č. 58/2018 Z.z. o posudzovaní zhody výrobku, sprístupňovaní určeného výrobku na trhu a o zmene a doplnení niektorých zákonov (ďalej len "zákon o zhode") v prípade, ak tak ustanovuje technický predpis z oblasti posudzovania zhody v zmysle zákona o zhode.
Uchádzač predloženým dokumentom preukáže, že všetky ponúkané produkty spĺňajú požiadavky, ktoré sa na nich vzťahujú podľa zákona o zhode a technického predpisu z oblasti posudzovania zhody, že boli dodržané postupy posudzovania zhody ustanovené zákonom o zhode alebo iným osobitným predpisom, a že určené výrobky sú správne označené.</t>
    </r>
  </si>
  <si>
    <t>Chirurgický (excimerový) laser a ateroktomické katétre</t>
  </si>
  <si>
    <t>38636100-3 Lasery</t>
  </si>
  <si>
    <t>33141200-2 Katétre</t>
  </si>
  <si>
    <t>Požadujeme excimerový endovaskulárny laser, s indikáciou na rekanalizáciu všetkých typov stenóz a oklúzií vrátane chronických oklúzií periférnych tepien, určený zároveň na extrakciu elektród po zavedení arytmologických zariadení a určený na rekanalizáciu všetkých typov stenóz a oklúzií koronárnych tepien. Požadujeme špeciálny excimerový laser na liečbu uzáverov, stenóz a in stent restenóz periférnych tepien dolných končatín, liečbu je možné použiť aj v koronárnych tepnách a pri extrakcii srdcových elektród. Excimer laser pozostáva z mobilného prístroja - generátora laseru - samotného excimeru, ku ktorému sú potrebné špeciálne kompatibilné katétre na všetky zákroky, ktoré sú zaregistrované na ŠÚKL a kategorizované v zozname - tie sa zabezpečujú ako spotrebný materiál - ŠZM. Požadujeme samotný prístroj – generátor a rôzne kompatibilné jednorázové katétre, ktoré vykonávajú samotnú liečbu. Laserové ateroktomické katétre určené na liečbu periférnych tepien dolných končatín - liečbu stenóz, in stent restenóz a oklúzií dolných končatín vrátane liečby chronickej končatinu ohrozujúcej ischémie (CLTI), s možnosťou liečby oklúzií bez nutnosti prejdenia zavádzacím drôtom. Katétre sú jednorázové, pripájajú sa ku kompatibilnému excimerovému laseru - generátoru.</t>
  </si>
  <si>
    <t>Položka č. 3</t>
  </si>
  <si>
    <t>Chirurgický (excimerový) laser</t>
  </si>
  <si>
    <t>Laserové ateroktomické katétre</t>
  </si>
  <si>
    <t>Položka č. 1 - Chirurgický (excimerový) laser</t>
  </si>
  <si>
    <t>1.2</t>
  </si>
  <si>
    <t>1.3</t>
  </si>
  <si>
    <t>1.4</t>
  </si>
  <si>
    <t>1.5</t>
  </si>
  <si>
    <t>Požadujeme laser (generátor), ktorý pracuje na princípe pulznej fotoablácie  a dokáže odstrániť najširšie spektrum uzáverov a stenóz periférnych a koronárnych tepien – odstraňuje ateróm, fibrózu, kalcium, trombus, neointimálnu hyperpláziu a ich kombináciu.</t>
  </si>
  <si>
    <t xml:space="preserve">Samostatnou možnosťou  použitia je extrakcia stimulačných a defibrilačných elektród. </t>
  </si>
  <si>
    <t>Pri periférnych intervenciách musí byť použiteľný na liečbe:
stenóz a oklúzií dolných končatín, chronickej končatinu ohrozujúcej ischémie (CLTI).</t>
  </si>
  <si>
    <t>Prístroj musí mať schválenú aj možnosť liečby totálnych oklúzií bez nutnosti prejdenia zavádzacím drôtom, ak nie je iná možnosť revaskularizácie a jeden z katétrov musí mať indikáciu aj pre liečbu ISR (in-stent restenóza).</t>
  </si>
  <si>
    <t>Samotná liečba je uskutočňovaná pomocou špeciálnych jednorázových katétrov s optickými vláknami, ktoré sa pripájajú na samotný prístroj-generátor.</t>
  </si>
  <si>
    <t>Položka č. 2 - Laserové aterektomické katétre</t>
  </si>
  <si>
    <t>Požadujeme laserové aterektomické katétre, určené na liečbu periférnych tepien dolných končatín – nad aj pod kolenom:
liečbu stenóz a oklúzií dolných končatín, chronickej končatinu ohrozujúcej ischémie (CLTI), liečbu totálnych oklúzií bez nutnosti prejdenia zavádzacím drôtom a jeden z katétrov musí mať indikáciu aj pre liečbu ISR (in-stent restenóza).</t>
  </si>
  <si>
    <t>Katétre musia byť v rozmeroch diametra medzi a vrátane 0.9 mm až 2.5 mm v prevedení OTW a medzi a vrátane 0.9 mm až 2.0 mm RX koncepcie, všetky musia pracovať v rozsahu 25-80 Hz.</t>
  </si>
  <si>
    <t>Položka č. 3 - Pozáručný servis pre položku č. 1 (bez náhradných dielov)</t>
  </si>
  <si>
    <r>
      <t xml:space="preserve">Potvrdenie o autorizovanom servise vydané výrobcom ponúkaných produktov, ktorým uchádzač preukáže schopnosť vykonávať autorizovaný servis. Ak uchádzač nemá uvedené potvrdenie, predloží neoverenú kópiu zmluvy so servisnou organizáciou, ktorá požadované potvrdenie má a zároveň potvrdenia o autorizovanom servise vydané výrobcom ponúkaného produktu servisnej organizácie.
</t>
    </r>
    <r>
      <rPr>
        <i/>
        <sz val="10"/>
        <color rgb="FFFF0000"/>
        <rFont val="Arial"/>
        <family val="2"/>
        <charset val="238"/>
      </rPr>
      <t>(uchádzač v ponuke nepredkladá, predloží úspešný uchádzač po podpise zmluvy)</t>
    </r>
  </si>
  <si>
    <r>
      <t xml:space="preserve">Osvedčenie, certifikát alebo iný doklad, ktorým uchádzač preukáže, že servisný technik má oprávnenie vykonávať servis na prístrojoch predmetu zákazky vydané výrobcom prístroja.
</t>
    </r>
    <r>
      <rPr>
        <i/>
        <sz val="10"/>
        <color rgb="FFFF0000"/>
        <rFont val="Arial"/>
        <family val="2"/>
        <charset val="238"/>
      </rPr>
      <t>(uchádzač v ponuke nepredkladá, predloží úspešný uchádzač po podpise zmluvy)</t>
    </r>
  </si>
  <si>
    <r>
      <t xml:space="preserve">Poistenie prevádzkovej zodpovednosti vo výške ročnej ceny za služby
</t>
    </r>
    <r>
      <rPr>
        <i/>
        <sz val="10"/>
        <color rgb="FFFF0000"/>
        <rFont val="Arial"/>
        <family val="2"/>
        <charset val="238"/>
      </rPr>
      <t>(uchádzač v ponuke nepredkladá, predloží úspešný uchádzač po podpise zmluvy)</t>
    </r>
  </si>
  <si>
    <t>Požaduje sa uzatvorenie Rámcovej dohody, a to na dohodnuté zmluvné obdobie 48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48 hodín od doručenia písomnej Objednávky Dodávateľovi,</t>
  </si>
  <si>
    <t>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V prípade, ak sa na predmet zákazky vykonala prípravná trhová konzultácia, informácie k prípravnej trhovej konzultácii verejný obstarávateľ zverejňuje na internetovej stránke: www.vusch.sk/verejne-obstaravanie/</t>
  </si>
  <si>
    <t>3.1</t>
  </si>
  <si>
    <t>3.2</t>
  </si>
  <si>
    <t>3.3</t>
  </si>
  <si>
    <t>3.4</t>
  </si>
  <si>
    <t>3.5</t>
  </si>
  <si>
    <t>12.</t>
  </si>
  <si>
    <t>13.</t>
  </si>
  <si>
    <t>14.</t>
  </si>
  <si>
    <t>15.</t>
  </si>
  <si>
    <t>16.</t>
  </si>
  <si>
    <t>17.</t>
  </si>
  <si>
    <t>18.</t>
  </si>
  <si>
    <t>19.</t>
  </si>
  <si>
    <t>20.</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možnosť uplatnenia si náhrady škody u Dodávateľa vo výške vzniknutých finančných nákladov a/alebo možnosť vrátenia nespotrebovanej časti tovaru v prípade nedodržania požiadaviek uvedených v zmluvných podmienkach.</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 V prípade úhrady faktúry Objednávateľom do 14 kalendárnych dní odo dňa jej doručenia Objednávateľovi sa Dodávateľ zaväzuje vystaviť dobropis vo výške zľavy, ktorú uvedie v Prílohe č. 1 - Kalkulácia ceny.</t>
  </si>
  <si>
    <t>Požaduje sa akceptovať, že platba za plnenie sa realizuje výlučne bezhotovostným platobným stykom na základe faktúry doručenej Dodávateľom, a to vždy za riadne a včas poskytnuté plnenie. Dodávateľ je povinný zaslať faktúru za dodanie prístroja elektronicky na e-mailovú adresu: podatelna@vusch.sk. Dodávateľ je povinný zaslať faktúru za dodanie tovaru elektronicky na e-mailovú adresu: szm@vusch.sk. Za deň splnenia peňažného záväzku Objednávateľa sa považuje deň odpísania dlžnej sumy z účtu Objednávateľa v prospech účtu Dodávateľa.</t>
  </si>
  <si>
    <t>Požaduje sa, aby bol Dodávateľ v čase predloženia ponuky a zároveň počas trvania zmluvného vzťahu oprávnený na poskytnutovanie plnenia predmetu zákazky.</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ďalej len "Zoznam kategorizovaných ŠZM"),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zmluvného vzťahu.</t>
  </si>
  <si>
    <t>Požaduje sa, aby sa v prípade, ak sa úspešným Dodávateľom po elektronickej aukcii stane:
- Dodávateľ, ktorý je alebo bol Dodávateľom predmetu zákazky pre Objednávateľa a ak jeho konečná jednotková cena za mernú jednotku (ďalej len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ého zmluvného vzťahu.</t>
  </si>
  <si>
    <t>Požaduje sa dodanie prístroja:</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imálne 5 pracovných dní vopred tak, aby Objednávateľ mohol poskynúť potrebnú súčinnosť pri dodaní,</t>
  </si>
  <si>
    <t>do 30 kalendárnych dní odo dňa nadobudnutia účinnosti zmluvného vzťahu,</t>
  </si>
  <si>
    <t>v pracovných dňoch v čase od 07:00 hod. do 14:30 hod.,</t>
  </si>
  <si>
    <t>na dohodnuté miesto plnenia a zodpovednej osobe Objednávateľa, pričom podrobnosti o mieste plnenia a zodpovednej osobe Objednávateľa budú Dodávateľovi upresnené po uzavretí zmluvného vzťahu,</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vyrobený).</t>
  </si>
  <si>
    <t>s preberacím protokolom, ktorý musí obsahovať okrem povinných náležitostí aj číslo objednávky (ak bola vystavená), označenie zmluvného vzťahu, jednotkovú cenu príslušnej položky bez DPH, s DPH, sadzbu DPH, celkovú cenu príslušnej položky bez DPH, s DPH, ŠÚKL kód (ak je to relevantné).
V prípade, ak je dodávaný prístroj z krajiny Európskej únie (okrem Slovenskej republiky), je Dodávateľ povinný uviesť v preberacom protokole, okrem náležitostí uvedených v predchádzajúcej vete, aj:
- kód podľa aktuálne platného colného sadzobníka,
- údaj o krajine pôvodu (t. j. krajinu kde bol vyrobený).</t>
  </si>
  <si>
    <t>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pstupcom Objednávateľa.</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Prevzatie a dodanie prístroja sú zmluvné strany, resp. ich poverení zástupcovia, povinné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t>
  </si>
  <si>
    <t>Kúpna cena prístroja zahŕňa aj služby spojené s jeho dodaním, t. 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softvéru a licencií, prevodom vlastníctva k prístroju na Objednávateľa, ako aj poskytovanie záručného servisu v mieste inštalácie.</t>
  </si>
  <si>
    <t xml:space="preserve">Dodávateľ poskytuje na prístroj a všetky jeho súčasti komplexnú záruku v trvaní minimálne 24 mesiacov odo dňa, kedy je prístroj uvedený do prevádzky. Uvedenie prístroja do prevádzky a začiatok plynutia záručnej doby sa potvrdí na preberacom protokole, ktorý podpíšu zmluvné strany, resp. ich poverení zástupcovia. Uvedená záručná doba sa automaticky predlžuje o dobu, po ktorú nemohol byť prístroj využívaný na účel, na ktorý je určený a to z dôvodov, na ktoré sa vzťahuje záruka. </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oprava vád a porúch prístroja, t. j. uvedenie prístroj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vykonanie štandardných vylepšení prístroja odporúčaných a predpísaných výrobcom prístroja, vrátane vykonania servisných aktualizácií, t. j. servisný update softwarového vybavenia prístroja,</t>
  </si>
  <si>
    <t>dodávky a zabudovanie náhradných dielov, ktoré sú potrebné k riadnej a bezporuchovej prevádzke prístroja, vrátane demontáže, odvozu a likvidácie použitého a nepotrebného spotrebného materiálu a náhradných dielov,</t>
  </si>
  <si>
    <t>vykonanie validácií a kalibrácií prístroja (resp. jeho relevantných častí) s periodicitou podľa odporúčania výrobcu prístroja, minimálne však jedenkrát ročne,</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vykonanie ďalších servisných úkonov a činností predpísaných príslušnou právnou úpravou a aplikovateľnými normami,</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technická telefonická podpora a poradenstvo pri prevádzkovaní prístroja prostredníctvom klientského pracoviska Dodávateľa v pracovných dňoch, pričom Dodávateľ musí garantovať funkčnosť a prevádzku klientskeho pracoviska.</t>
  </si>
  <si>
    <t>Dodávateľ je povinný počas trvania záručnej doby odstrániť vady v nasledujúcich lehotách od nástupu na opravu:</t>
  </si>
  <si>
    <t>oprava vady, pri ktorej nie je potrebná dodávka náhradného dielu najneskôr do 48 hodín,</t>
  </si>
  <si>
    <t xml:space="preserve">Servisný technik Dodávateľa je povinný nastúpiť na odstránenie vady v mieste inštalácie prístroja do 24 hodín od nahlásenia poruchy v pracovný deň medzi 7:00 a 15:00 hod., resp. do 15:00 hod. nasledujúceho pracovného dňa, pokiaľ vada bola nahlásená po 15:00 hod. pracovného dňa alebo počas mimopracovného dňa. </t>
  </si>
  <si>
    <t>V prípade, ak odstránenie vady nevyžaduje príchod servisného technika Dodávateľa do miesta inštalácie prístroja, je Dodávateľ oprávnený začať odstraňovať vadu formou vzdialeného prístupu a diagnostiky v lehote najneskôr do 4 hodín od nahlásenia poruchy v pracovný deň medzi 7:00 a 15:00 hod., resp. do 15:00 hod. nasledujúceho pracovného dňa, pokiaľ vada bola nahlásená po 15:00 hod. pracovného dňa alebo počas mimopracovného dňa.</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ín.</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Požaduje sa vykonávať pozáručnú servisnú starostlivosť v pracovných dňoch v čase od 07:00 hod. do 15:00 hod, ak sa Objednávateľ a Dodávateľ nedohodnú inak. Požaduje sa možnosť zasielať požiadavky na služby pozáručného servisu online prostredníctvom kontaktu poskytnutého Dodávateľom na Klientské pracovisko Dodávateľa.</t>
  </si>
  <si>
    <t>Požaduje sa, aby v prípade vykonania opravy, na ktorú Objednávateľ Dodávateľa vopred upozorní, bola oprava vykonaná nasledovne:</t>
  </si>
  <si>
    <t>nástup na výkon opravy do 24 hodín od nahlásenia vady/poruchy v pracovných dňoch v čase od 07:00 hod. do 15:00 hod.,</t>
  </si>
  <si>
    <t>výkon samotnej opravy do 72 hodín od nahlásenia vady/poruchy v pracovných dňoch v čase od 07:00 hod. do 15:00 hod., okrem prípadu, ak sa Objednávateľ s Dodávateľom nedohodnú inak, alebo ak na výkon opravy je potrebný náhradný diel, súčiastka alebo iná vec, ktorej obstaranie, alebo vykonanie trvá viac ako 72 hodín.</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Požaduje sa služby pozáručnej starostlivosti vykonávať v súlade so známymi a najnovšími technologickými poznatkami výrobcu prístroja. Požaduje sa vykonávať preventívnu údržbu prístroja vrátane povinných revízii podľa plánu údržby a revizíí v termínoch určených (odporúčaných) výrobcom.</t>
  </si>
  <si>
    <t>Požaduje sa, aby počas trvania zmluvy Dodávateľ vykonával autorizovaný servis.</t>
  </si>
  <si>
    <t>Požaduje sa, aby počas trvania zmluvy Dodávateľ vykonával činnosti uvedené v zmluve prostredníctvom osôb/servisných technikov s odborným vyškolením výrobcom prístroja.</t>
  </si>
  <si>
    <t>Požaduje sa, aby Dodávateľ mal počas trvania zmluvy uzatvorenú zmluvu o poistení zodpovednosti za škodu spôsobenú v súvislosti s poskytovaním služieb pozáručnej servisnej starostlivosti podľa uzatvorenej zmluvy s poistným krytím minimálne vo výške zmluvnej ceny za služby pozáručnej servisnej starostlivosti.</t>
  </si>
  <si>
    <t>Požaduje sa vyhotovenie návrhu kalkulácie servisu v súlade s uzatvorenou zmluvou ku každej objednávke. Objednávateľ musí odsúhlasiť cenu a rozsah opravy, najneskôr v lehote do 3 kalendárnych dní odo dňa doručenia návrhu kalkulácie servisu. V prípade, ak súhlas v uvedenej lehote Dodávateľovi neoznámi alebo ak oznámi, že o opravu už nemá záujem, Dodávateľ je povinný prístroj Objednávateľovi bezodkladne vrátiť, čím objednávku Objednávateľa odmietne.</t>
  </si>
  <si>
    <t>Požaduje sa poskytovanie pozáručného servisu  prístroja po dobu 5 rokov (60 kalendárnych mesiacov), pričom za začiatok tohto poskytovania sa považuje deň nasledujúci po poslednom dni záručnej doby.</t>
  </si>
  <si>
    <t>Požaduje sa poskytovať službu na pracovisku Objednávateľa, pričom ak nie je možné službu vykonať na pracovisku, resp. je vhodnejšie realizovať ju na inom mieste (napr. na pracovisku Dodávateľa), takáto činnosť sa vykoná na náklady Dodávateľa na mieste určenom Dodávateľom, ktoré však bude vopred oznámené Objednávateľovi.</t>
  </si>
  <si>
    <t>Požaduje sa poskytnutie minimálne 3-mesačnej záručnej doby na servisné práce od vykonania opravy a minimálne 6-mesačnej záručnej doby na dodané náhradné diely od vykonania opravy.</t>
  </si>
  <si>
    <t>Požaduje sa v prípade opravy vady/poruchy s náhradnými dielmi používať výhradne originálne náhradné diely. V každom osobitnom prípade opravy s originálnym náhradným dielom sa vyžaduje súhlas Objednávateľa s kúpu a montážou originálneho náhradného dielu a odsúhlasenie jeho ceny.</t>
  </si>
  <si>
    <t xml:space="preserve">V prípade, ak Objednávateľ na základe prieskumu trhu zistí, že: </t>
  </si>
  <si>
    <t xml:space="preserve">aktuálna cenová ponuka iného dodávateľa je nižšia ako aktuálna ponuka Dodávateľa, Objednávateľ vyzve Dodávateľa na rokovanie o znížení ceny originálneho náhradného dielu. Ak sa zmluvné strany na znížení ceny originálneho náhradného dielu nedohodnú, Objednávateľ je oprávnený originálny náhradný diel zakúpiť od dodávateľa, ktorý v prieskume trhu ponúkol nižšiu cenu originálneho náhradného dielu, </t>
  </si>
  <si>
    <t xml:space="preserve">nedisponuje inou ponukou ako je ponuka Dodávateľa a zároveň cena originálneho náhradného dielu nie je vyššia ako 10% oproti cene uvedenej v Prílohe č. 1 - Kalkulácia ceny, Objednávateľ je oprávnený pristúpiť k vystaveniu objednávky. </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utorizáciu a skúsenosti nevyhnutné na plnenie svojich povinností.</t>
  </si>
  <si>
    <t>Požaduje sa, aby výsledná cena predmetu zákazky ponúknutá Dodávateľom bola v súlade s aktuálne (t.j. v čase lehoty na predkladanie ponúk) obvyklou trhovou cenou predmetu zákazky. Požaduje sa možnosť uplatnenia si náhrady škody u Dodávateľa vo výške vzniknutého finančného rozdielu výslednej ceny predmetu zákazky a obvyklej trhovej ceny predmetu zákazky v prípade nedodržania uvedenej požiadavky.</t>
  </si>
  <si>
    <t>Povinnou súčasťou faktúry za služby, ktoré sú predmetom pozáručného servisu prístroja je Zmluvnými stranami potvrdený rozsah poskytnutej služby s uvedením dátumu jej poskytnutia v príslušnom kalendárnom mesiaci. Pozáručný servis bude hradený formou mesačných paušálnych odmien uvedených v Prílohe č. 1 - Kalkulácia ceny.</t>
  </si>
  <si>
    <t>Zmluvná cena za pozáručný servis zahŕňa celkovú logistiku súvisiacu so servisom prístroja, dopravné a balné náklady, vrátane cestovných nákladov servisného technika do miesta dodania služby a späť a zároveň zvoz do servisného centra a dovoz opraveného prístroja a podobne.</t>
  </si>
  <si>
    <t>4.1</t>
  </si>
  <si>
    <t>4.2</t>
  </si>
  <si>
    <t>4.4</t>
  </si>
  <si>
    <t>4.5</t>
  </si>
  <si>
    <t>9.1</t>
  </si>
  <si>
    <t>16.1</t>
  </si>
  <si>
    <t>16.2</t>
  </si>
  <si>
    <t>16.3</t>
  </si>
  <si>
    <t>16.4</t>
  </si>
  <si>
    <t>16.5</t>
  </si>
  <si>
    <t>16.6</t>
  </si>
  <si>
    <t>16.7</t>
  </si>
  <si>
    <t>16.8</t>
  </si>
  <si>
    <t>16.9</t>
  </si>
  <si>
    <t>16.10</t>
  </si>
  <si>
    <t>19.1</t>
  </si>
  <si>
    <t>19.2</t>
  </si>
  <si>
    <t>20.1</t>
  </si>
  <si>
    <t>20.2</t>
  </si>
  <si>
    <t>21.</t>
  </si>
  <si>
    <t>22.</t>
  </si>
  <si>
    <t>23.</t>
  </si>
  <si>
    <t>24.</t>
  </si>
  <si>
    <t>25.</t>
  </si>
  <si>
    <t>25.1</t>
  </si>
  <si>
    <t>25.2</t>
  </si>
  <si>
    <t>26.</t>
  </si>
  <si>
    <t>27.</t>
  </si>
  <si>
    <t>28.</t>
  </si>
  <si>
    <t>29.</t>
  </si>
  <si>
    <t>30.</t>
  </si>
  <si>
    <t>31.</t>
  </si>
  <si>
    <t>32.</t>
  </si>
  <si>
    <t>33.</t>
  </si>
  <si>
    <t>34.</t>
  </si>
  <si>
    <t>34.1</t>
  </si>
  <si>
    <t>34.2</t>
  </si>
  <si>
    <t>35.</t>
  </si>
  <si>
    <t>36.</t>
  </si>
  <si>
    <t>37.</t>
  </si>
  <si>
    <t>38.</t>
  </si>
  <si>
    <t>39.</t>
  </si>
  <si>
    <t>40.</t>
  </si>
  <si>
    <t>41.</t>
  </si>
  <si>
    <t>42.</t>
  </si>
  <si>
    <t>43.</t>
  </si>
  <si>
    <t>44.</t>
  </si>
  <si>
    <t>45.</t>
  </si>
  <si>
    <t>46.</t>
  </si>
  <si>
    <t>47.</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7"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color theme="1"/>
      <name val="Times New Roman"/>
      <family val="1"/>
      <charset val="238"/>
    </font>
    <font>
      <sz val="9"/>
      <name val="Arial"/>
      <family val="2"/>
      <charset val="238"/>
    </font>
    <font>
      <i/>
      <sz val="10"/>
      <color rgb="FFFF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43">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indexed="64"/>
      </left>
      <right/>
      <top style="thin">
        <color indexed="64"/>
      </top>
      <bottom style="medium">
        <color auto="1"/>
      </bottom>
      <diagonal/>
    </border>
    <border>
      <left/>
      <right style="medium">
        <color auto="1"/>
      </right>
      <top style="thin">
        <color indexed="64"/>
      </top>
      <bottom style="medium">
        <color auto="1"/>
      </bottom>
      <diagonal/>
    </border>
    <border>
      <left style="medium">
        <color indexed="64"/>
      </left>
      <right style="thin">
        <color auto="1"/>
      </right>
      <top/>
      <bottom style="thin">
        <color auto="1"/>
      </bottom>
      <diagonal/>
    </border>
    <border>
      <left style="thin">
        <color auto="1"/>
      </left>
      <right style="thin">
        <color auto="1"/>
      </right>
      <top/>
      <bottom style="thin">
        <color auto="1"/>
      </bottom>
      <diagonal/>
    </border>
    <border>
      <left style="thin">
        <color auto="1"/>
      </left>
      <right style="medium">
        <color auto="1"/>
      </right>
      <top/>
      <bottom style="thin">
        <color auto="1"/>
      </bottom>
      <diagonal/>
    </border>
    <border>
      <left/>
      <right style="medium">
        <color indexed="64"/>
      </right>
      <top style="thin">
        <color auto="1"/>
      </top>
      <bottom style="thin">
        <color auto="1"/>
      </bottom>
      <diagonal/>
    </border>
    <border>
      <left style="thin">
        <color rgb="FFC00000"/>
      </left>
      <right style="thin">
        <color rgb="FFC00000"/>
      </right>
      <top style="thin">
        <color rgb="FFC00000"/>
      </top>
      <bottom style="thin">
        <color rgb="FFC00000"/>
      </bottom>
      <diagonal/>
    </border>
    <border>
      <left style="thin">
        <color auto="1"/>
      </left>
      <right style="thin">
        <color auto="1"/>
      </right>
      <top style="thin">
        <color auto="1"/>
      </top>
      <bottom style="dotted">
        <color auto="1"/>
      </bottom>
      <diagonal/>
    </border>
    <border>
      <left style="thin">
        <color auto="1"/>
      </left>
      <right style="thin">
        <color auto="1"/>
      </right>
      <top style="thin">
        <color auto="1"/>
      </top>
      <bottom style="dashed">
        <color auto="1"/>
      </bottom>
      <diagonal/>
    </border>
    <border>
      <left style="thin">
        <color auto="1"/>
      </left>
      <right style="thin">
        <color auto="1"/>
      </right>
      <top style="thin">
        <color auto="1"/>
      </top>
      <bottom/>
      <diagonal/>
    </border>
    <border>
      <left style="medium">
        <color auto="1"/>
      </left>
      <right style="thin">
        <color auto="1"/>
      </right>
      <top style="thin">
        <color auto="1"/>
      </top>
      <bottom/>
      <diagonal/>
    </border>
    <border>
      <left style="medium">
        <color auto="1"/>
      </left>
      <right style="thin">
        <color auto="1"/>
      </right>
      <top style="thin">
        <color auto="1"/>
      </top>
      <bottom style="dashed">
        <color auto="1"/>
      </bottom>
      <diagonal/>
    </border>
    <border>
      <left style="thin">
        <color auto="1"/>
      </left>
      <right style="thin">
        <color auto="1"/>
      </right>
      <top style="dashed">
        <color auto="1"/>
      </top>
      <bottom style="dashed">
        <color auto="1"/>
      </bottom>
      <diagonal/>
    </border>
    <border>
      <left style="thin">
        <color auto="1"/>
      </left>
      <right style="thin">
        <color auto="1"/>
      </right>
      <top style="dashed">
        <color auto="1"/>
      </top>
      <bottom style="thin">
        <color auto="1"/>
      </bottom>
      <diagonal/>
    </border>
    <border>
      <left style="thin">
        <color auto="1"/>
      </left>
      <right/>
      <top style="medium">
        <color auto="1"/>
      </top>
      <bottom style="thin">
        <color auto="1"/>
      </bottom>
      <diagonal/>
    </border>
    <border>
      <left/>
      <right style="medium">
        <color indexed="64"/>
      </right>
      <top style="medium">
        <color auto="1"/>
      </top>
      <bottom style="thin">
        <color auto="1"/>
      </bottom>
      <diagonal/>
    </border>
    <border>
      <left style="medium">
        <color auto="1"/>
      </left>
      <right style="thin">
        <color auto="1"/>
      </right>
      <top style="dashed">
        <color auto="1"/>
      </top>
      <bottom style="dashed">
        <color auto="1"/>
      </bottom>
      <diagonal/>
    </border>
    <border>
      <left style="medium">
        <color auto="1"/>
      </left>
      <right style="thin">
        <color auto="1"/>
      </right>
      <top style="dashed">
        <color auto="1"/>
      </top>
      <bottom style="thin">
        <color auto="1"/>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88">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31" xfId="0" applyFont="1" applyFill="1" applyBorder="1" applyAlignment="1" applyProtection="1">
      <alignment wrapText="1"/>
      <protection locked="0"/>
    </xf>
    <xf numFmtId="0" fontId="14" fillId="0" borderId="0" xfId="0" applyFont="1" applyAlignment="1" applyProtection="1">
      <alignment horizontal="left" vertical="center"/>
      <protection locked="0"/>
    </xf>
    <xf numFmtId="0" fontId="15" fillId="0" borderId="0" xfId="6" applyFont="1" applyAlignment="1" applyProtection="1">
      <alignment horizontal="left"/>
      <protection locked="0"/>
    </xf>
    <xf numFmtId="0" fontId="15" fillId="0" borderId="0" xfId="6" applyFont="1" applyAlignment="1" applyProtection="1">
      <alignment horizontal="center"/>
      <protection locked="0"/>
    </xf>
    <xf numFmtId="0" fontId="15" fillId="0" borderId="0" xfId="6" applyFont="1" applyFill="1" applyBorder="1" applyProtection="1">
      <protection locked="0"/>
    </xf>
    <xf numFmtId="164" fontId="15" fillId="0" borderId="0" xfId="6" applyNumberFormat="1" applyFont="1" applyAlignment="1" applyProtection="1">
      <alignment horizontal="right"/>
      <protection locked="0"/>
    </xf>
    <xf numFmtId="0" fontId="15"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10" xfId="5" applyFont="1" applyFill="1" applyBorder="1" applyAlignment="1" applyProtection="1">
      <alignment horizontal="right" vertical="center" wrapText="1"/>
      <protection locked="0"/>
    </xf>
    <xf numFmtId="0" fontId="11" fillId="2" borderId="10" xfId="0" applyNumberFormat="1" applyFont="1" applyFill="1" applyBorder="1" applyAlignment="1" applyProtection="1">
      <alignment horizontal="left" vertical="center" wrapText="1"/>
      <protection locked="0"/>
    </xf>
    <xf numFmtId="0" fontId="7" fillId="2" borderId="10"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10" xfId="0" applyFont="1" applyFill="1" applyBorder="1" applyAlignment="1" applyProtection="1">
      <alignment horizontal="left" vertical="top" wrapText="1"/>
      <protection locked="0"/>
    </xf>
    <xf numFmtId="0" fontId="2" fillId="3" borderId="10" xfId="0" applyFont="1" applyFill="1" applyBorder="1" applyAlignment="1" applyProtection="1">
      <alignment horizontal="center" vertical="top" wrapText="1"/>
      <protection locked="0"/>
    </xf>
    <xf numFmtId="0" fontId="2" fillId="0" borderId="10" xfId="0" applyFont="1" applyFill="1" applyBorder="1" applyAlignment="1" applyProtection="1">
      <alignment vertical="center" wrapText="1"/>
      <protection locked="0"/>
    </xf>
    <xf numFmtId="0" fontId="2" fillId="0" borderId="10" xfId="0" applyFont="1" applyFill="1" applyBorder="1" applyAlignment="1" applyProtection="1">
      <alignment horizontal="center" vertical="center" wrapText="1"/>
      <protection locked="0"/>
    </xf>
    <xf numFmtId="0" fontId="13" fillId="0" borderId="10" xfId="0" applyFont="1" applyFill="1" applyBorder="1" applyAlignment="1" applyProtection="1">
      <alignment horizontal="center" vertical="center" wrapText="1"/>
      <protection locked="0"/>
    </xf>
    <xf numFmtId="0" fontId="2" fillId="6" borderId="10" xfId="0" applyFont="1" applyFill="1" applyBorder="1" applyAlignment="1" applyProtection="1">
      <alignment vertical="center" wrapText="1"/>
      <protection locked="0"/>
    </xf>
    <xf numFmtId="0" fontId="2" fillId="6" borderId="10" xfId="0" applyFont="1" applyFill="1" applyBorder="1" applyAlignment="1" applyProtection="1">
      <alignment horizontal="center" vertical="center" wrapText="1"/>
      <protection locked="0"/>
    </xf>
    <xf numFmtId="0" fontId="13" fillId="6" borderId="10"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49" fontId="4" fillId="2" borderId="15" xfId="0" applyNumberFormat="1" applyFont="1" applyFill="1" applyBorder="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10"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0" fontId="2" fillId="6" borderId="10" xfId="0" applyNumberFormat="1" applyFont="1" applyFill="1" applyBorder="1" applyAlignment="1" applyProtection="1">
      <alignment horizontal="center" vertical="center" wrapText="1"/>
      <protection locked="0"/>
    </xf>
    <xf numFmtId="0" fontId="2" fillId="6" borderId="20" xfId="0" applyNumberFormat="1" applyFont="1" applyFill="1" applyBorder="1" applyAlignment="1" applyProtection="1">
      <alignment horizontal="center" vertical="center" wrapText="1"/>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0" fontId="2" fillId="0" borderId="20" xfId="0" applyNumberFormat="1" applyFont="1" applyBorder="1" applyAlignment="1" applyProtection="1">
      <alignment horizontal="center" vertical="center" wrapText="1"/>
      <protection locked="0"/>
    </xf>
    <xf numFmtId="49" fontId="2" fillId="2" borderId="15" xfId="0" applyNumberFormat="1" applyFont="1" applyFill="1" applyBorder="1" applyAlignment="1" applyProtection="1">
      <alignment horizontal="center" vertical="center" wrapText="1"/>
      <protection locked="0"/>
    </xf>
    <xf numFmtId="0" fontId="7" fillId="0" borderId="23" xfId="0" applyNumberFormat="1" applyFont="1" applyBorder="1" applyAlignment="1" applyProtection="1">
      <alignment horizontal="center" vertical="center" wrapText="1"/>
      <protection locked="0"/>
    </xf>
    <xf numFmtId="0" fontId="7" fillId="0" borderId="28" xfId="0" applyNumberFormat="1" applyFont="1" applyBorder="1" applyAlignment="1" applyProtection="1">
      <alignment horizontal="center" vertical="center" wrapText="1"/>
      <protection locked="0"/>
    </xf>
    <xf numFmtId="0" fontId="7" fillId="0" borderId="10" xfId="0" applyNumberFormat="1" applyFont="1" applyBorder="1" applyAlignment="1" applyProtection="1">
      <alignment horizontal="center" vertical="center" wrapText="1"/>
      <protection locked="0"/>
    </xf>
    <xf numFmtId="0" fontId="7" fillId="0" borderId="20"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9"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49" fontId="2" fillId="6" borderId="8" xfId="0" applyNumberFormat="1" applyFont="1" applyFill="1" applyBorder="1" applyAlignment="1" applyProtection="1">
      <alignment horizontal="center" vertical="center"/>
    </xf>
    <xf numFmtId="49" fontId="4" fillId="6" borderId="5" xfId="0" applyNumberFormat="1" applyFont="1" applyFill="1" applyBorder="1" applyAlignment="1" applyProtection="1">
      <alignment vertical="center" wrapText="1"/>
    </xf>
    <xf numFmtId="49" fontId="2" fillId="6" borderId="11" xfId="0" applyNumberFormat="1" applyFont="1" applyFill="1" applyBorder="1" applyAlignment="1" applyProtection="1">
      <alignment horizontal="center" vertical="center"/>
    </xf>
    <xf numFmtId="49" fontId="4" fillId="6" borderId="25" xfId="0" applyNumberFormat="1" applyFont="1" applyFill="1" applyBorder="1" applyAlignment="1" applyProtection="1">
      <alignment vertical="center" wrapText="1"/>
    </xf>
    <xf numFmtId="49" fontId="2" fillId="0" borderId="27" xfId="0" applyNumberFormat="1" applyFont="1" applyFill="1" applyBorder="1" applyAlignment="1" applyProtection="1">
      <alignment horizontal="center" vertical="center" wrapText="1"/>
    </xf>
    <xf numFmtId="49" fontId="2" fillId="0" borderId="22" xfId="0" applyNumberFormat="1" applyFont="1" applyFill="1" applyBorder="1" applyAlignment="1" applyProtection="1">
      <alignment horizontal="center" vertical="center" wrapText="1"/>
    </xf>
    <xf numFmtId="0" fontId="3" fillId="6" borderId="23" xfId="0" applyFont="1" applyFill="1" applyBorder="1" applyAlignment="1" applyProtection="1">
      <alignment horizontal="left" vertical="center" wrapText="1"/>
    </xf>
    <xf numFmtId="0" fontId="3" fillId="6" borderId="10" xfId="0" applyFont="1" applyFill="1" applyBorder="1" applyAlignment="1" applyProtection="1">
      <alignment horizontal="left" vertical="center" wrapText="1"/>
    </xf>
    <xf numFmtId="0" fontId="3" fillId="6" borderId="28" xfId="0" applyFont="1" applyFill="1" applyBorder="1" applyAlignment="1" applyProtection="1">
      <alignment horizontal="left" vertical="center" wrapText="1"/>
    </xf>
    <xf numFmtId="49" fontId="2" fillId="6" borderId="8" xfId="0" applyNumberFormat="1" applyFont="1" applyFill="1" applyBorder="1" applyAlignment="1" applyProtection="1">
      <alignment horizontal="center" vertical="center" wrapText="1"/>
    </xf>
    <xf numFmtId="0" fontId="2" fillId="6" borderId="10" xfId="0" applyFont="1" applyFill="1" applyBorder="1" applyAlignment="1" applyProtection="1">
      <alignment horizontal="left" vertical="top" wrapText="1"/>
    </xf>
    <xf numFmtId="49" fontId="2" fillId="6" borderId="27" xfId="0" applyNumberFormat="1" applyFont="1" applyFill="1" applyBorder="1" applyAlignment="1" applyProtection="1">
      <alignment horizontal="center" vertical="center" wrapText="1"/>
    </xf>
    <xf numFmtId="49" fontId="2" fillId="6" borderId="11" xfId="0" applyNumberFormat="1" applyFont="1" applyFill="1" applyBorder="1" applyAlignment="1" applyProtection="1">
      <alignment horizontal="center" vertical="center" wrapText="1"/>
    </xf>
    <xf numFmtId="0" fontId="2" fillId="6" borderId="20" xfId="0" applyFont="1" applyFill="1" applyBorder="1" applyAlignment="1" applyProtection="1">
      <alignment horizontal="left" vertical="center" wrapText="1"/>
    </xf>
    <xf numFmtId="0" fontId="4" fillId="6" borderId="0" xfId="0" applyFont="1" applyFill="1" applyAlignment="1" applyProtection="1">
      <alignment horizontal="left" vertical="top" wrapText="1"/>
      <protection locked="0"/>
    </xf>
    <xf numFmtId="49" fontId="3" fillId="0" borderId="0" xfId="0" applyNumberFormat="1" applyFont="1" applyFill="1" applyAlignment="1" applyProtection="1">
      <alignment horizontal="left" vertical="center" wrapText="1"/>
      <protection locked="0"/>
    </xf>
    <xf numFmtId="0" fontId="7" fillId="0" borderId="0" xfId="5" applyFont="1" applyAlignment="1" applyProtection="1">
      <alignment horizontal="center" vertical="top" wrapText="1"/>
      <protection locked="0"/>
    </xf>
    <xf numFmtId="0" fontId="4" fillId="0" borderId="0" xfId="0" applyNumberFormat="1" applyFont="1" applyFill="1" applyAlignment="1" applyProtection="1">
      <alignment horizontal="left" vertical="top" wrapText="1"/>
      <protection locked="0"/>
    </xf>
    <xf numFmtId="0" fontId="2" fillId="0" borderId="0" xfId="0" applyFont="1" applyFill="1" applyAlignment="1" applyProtection="1">
      <alignment horizontal="center" vertical="center" wrapText="1"/>
      <protection locked="0"/>
    </xf>
    <xf numFmtId="49" fontId="4" fillId="0" borderId="10" xfId="0" applyNumberFormat="1" applyFont="1" applyFill="1" applyBorder="1" applyAlignment="1" applyProtection="1">
      <alignment horizontal="left" vertical="center" wrapText="1"/>
    </xf>
    <xf numFmtId="49" fontId="2" fillId="0" borderId="10" xfId="0" applyNumberFormat="1" applyFont="1" applyBorder="1" applyAlignment="1" applyProtection="1">
      <alignment horizontal="left" vertical="center" wrapText="1"/>
    </xf>
    <xf numFmtId="49" fontId="2" fillId="0" borderId="10" xfId="0" applyNumberFormat="1" applyFont="1" applyBorder="1" applyAlignment="1" applyProtection="1">
      <alignment horizontal="center" vertical="center"/>
    </xf>
    <xf numFmtId="0" fontId="4" fillId="0" borderId="23" xfId="0" applyFont="1" applyFill="1" applyBorder="1" applyAlignment="1" applyProtection="1">
      <alignment horizontal="left" vertical="center" wrapText="1"/>
    </xf>
    <xf numFmtId="49" fontId="2" fillId="0" borderId="8" xfId="0" applyNumberFormat="1" applyFont="1" applyFill="1" applyBorder="1" applyAlignment="1" applyProtection="1">
      <alignment horizontal="center" vertical="center" wrapText="1"/>
    </xf>
    <xf numFmtId="0" fontId="4" fillId="0" borderId="10" xfId="0" applyFont="1" applyFill="1" applyBorder="1" applyAlignment="1" applyProtection="1">
      <alignment horizontal="left" vertical="center" wrapText="1"/>
    </xf>
    <xf numFmtId="49" fontId="2" fillId="0" borderId="36" xfId="0" applyNumberFormat="1" applyFont="1" applyFill="1" applyBorder="1" applyAlignment="1" applyProtection="1">
      <alignment horizontal="center" vertical="center" wrapText="1"/>
    </xf>
    <xf numFmtId="0" fontId="4" fillId="0" borderId="33" xfId="0" applyFont="1" applyFill="1" applyBorder="1" applyAlignment="1" applyProtection="1">
      <alignment horizontal="left" vertical="center" wrapText="1"/>
    </xf>
    <xf numFmtId="49" fontId="2" fillId="0" borderId="41" xfId="0" applyNumberFormat="1" applyFont="1" applyFill="1" applyBorder="1" applyAlignment="1" applyProtection="1">
      <alignment horizontal="right" vertical="center" wrapText="1"/>
    </xf>
    <xf numFmtId="0" fontId="4" fillId="0" borderId="37" xfId="0" applyFont="1" applyFill="1" applyBorder="1" applyAlignment="1" applyProtection="1">
      <alignment horizontal="left" vertical="center" wrapText="1"/>
    </xf>
    <xf numFmtId="49" fontId="2" fillId="0" borderId="42" xfId="0" applyNumberFormat="1" applyFont="1" applyFill="1" applyBorder="1" applyAlignment="1" applyProtection="1">
      <alignment horizontal="right" vertical="center" wrapText="1"/>
    </xf>
    <xf numFmtId="0" fontId="4" fillId="0" borderId="38" xfId="0" applyFont="1" applyFill="1" applyBorder="1" applyAlignment="1" applyProtection="1">
      <alignment horizontal="left" vertical="center" wrapText="1"/>
    </xf>
    <xf numFmtId="0" fontId="4" fillId="6" borderId="37" xfId="0" applyFont="1" applyFill="1" applyBorder="1" applyAlignment="1" applyProtection="1">
      <alignment horizontal="left" vertical="center" wrapText="1"/>
    </xf>
    <xf numFmtId="0" fontId="4" fillId="6" borderId="10" xfId="0" applyFont="1" applyFill="1" applyBorder="1" applyAlignment="1" applyProtection="1">
      <alignment horizontal="left" vertical="center" wrapText="1"/>
    </xf>
    <xf numFmtId="49" fontId="2" fillId="0" borderId="35" xfId="0" applyNumberFormat="1" applyFont="1" applyFill="1" applyBorder="1" applyAlignment="1" applyProtection="1">
      <alignment horizontal="center" vertical="center" wrapText="1"/>
    </xf>
    <xf numFmtId="0" fontId="4" fillId="0" borderId="32" xfId="0" applyFont="1" applyFill="1" applyBorder="1" applyAlignment="1" applyProtection="1">
      <alignment horizontal="left" vertical="center" wrapText="1"/>
    </xf>
    <xf numFmtId="0" fontId="4" fillId="0" borderId="34" xfId="0" applyFont="1" applyFill="1" applyBorder="1" applyAlignment="1" applyProtection="1">
      <alignment horizontal="left" vertical="center" wrapText="1"/>
    </xf>
    <xf numFmtId="49" fontId="2" fillId="0" borderId="27" xfId="0" applyNumberFormat="1" applyFont="1" applyFill="1" applyBorder="1" applyAlignment="1" applyProtection="1">
      <alignment horizontal="right" vertical="center" wrapText="1"/>
    </xf>
    <xf numFmtId="0" fontId="4" fillId="6" borderId="28" xfId="0" applyFont="1" applyFill="1" applyBorder="1" applyAlignment="1" applyProtection="1">
      <alignment horizontal="left" vertical="center" wrapText="1"/>
    </xf>
    <xf numFmtId="0" fontId="4" fillId="6" borderId="10" xfId="0" applyFont="1" applyFill="1" applyBorder="1" applyAlignment="1" applyProtection="1">
      <alignment vertical="center" wrapText="1"/>
    </xf>
    <xf numFmtId="0" fontId="4" fillId="6" borderId="33" xfId="0" applyFont="1" applyFill="1" applyBorder="1" applyAlignment="1" applyProtection="1">
      <alignment vertical="center" wrapText="1"/>
    </xf>
    <xf numFmtId="0" fontId="4" fillId="6" borderId="37" xfId="0" applyFont="1" applyFill="1" applyBorder="1" applyAlignment="1" applyProtection="1">
      <alignment vertical="center" wrapText="1"/>
    </xf>
    <xf numFmtId="0" fontId="4" fillId="0" borderId="38" xfId="0" applyFont="1" applyFill="1" applyBorder="1" applyAlignment="1" applyProtection="1">
      <alignment vertical="center" wrapText="1"/>
    </xf>
    <xf numFmtId="0" fontId="4" fillId="6" borderId="38" xfId="0" applyFont="1" applyFill="1" applyBorder="1" applyAlignment="1" applyProtection="1">
      <alignment vertical="center" wrapText="1"/>
    </xf>
    <xf numFmtId="49" fontId="2" fillId="0" borderId="11" xfId="0" applyNumberFormat="1" applyFont="1" applyFill="1" applyBorder="1" applyAlignment="1" applyProtection="1">
      <alignment horizontal="center" vertical="center" wrapText="1"/>
    </xf>
    <xf numFmtId="0" fontId="4" fillId="0" borderId="20" xfId="0" applyFont="1" applyFill="1" applyBorder="1" applyAlignment="1" applyProtection="1">
      <alignment horizontal="left" vertical="center" wrapText="1"/>
    </xf>
    <xf numFmtId="0" fontId="2" fillId="0" borderId="5" xfId="0" applyFont="1" applyFill="1" applyBorder="1" applyAlignment="1" applyProtection="1">
      <alignment horizontal="left" vertical="center" wrapText="1"/>
      <protection locked="0"/>
    </xf>
    <xf numFmtId="0" fontId="2" fillId="0" borderId="30" xfId="0" applyFont="1" applyFill="1" applyBorder="1" applyAlignment="1" applyProtection="1">
      <alignment horizontal="left" vertical="center" wrapText="1"/>
      <protection locked="0"/>
    </xf>
    <xf numFmtId="0" fontId="2" fillId="0" borderId="25" xfId="0" applyFont="1" applyFill="1" applyBorder="1" applyAlignment="1" applyProtection="1">
      <alignment horizontal="left" vertical="center" wrapText="1"/>
      <protection locked="0"/>
    </xf>
    <xf numFmtId="0" fontId="2" fillId="0" borderId="26" xfId="0" applyFont="1" applyFill="1" applyBorder="1" applyAlignment="1" applyProtection="1">
      <alignment horizontal="left" vertical="center" wrapText="1"/>
      <protection locked="0"/>
    </xf>
    <xf numFmtId="49" fontId="2" fillId="0" borderId="10" xfId="0" applyNumberFormat="1" applyFont="1" applyBorder="1" applyAlignment="1" applyProtection="1">
      <alignment horizontal="left" vertical="center" wrapText="1"/>
      <protection locked="0"/>
    </xf>
    <xf numFmtId="49" fontId="2" fillId="0" borderId="9" xfId="0" applyNumberFormat="1" applyFont="1" applyBorder="1" applyAlignment="1" applyProtection="1">
      <alignment horizontal="left" vertical="center" wrapText="1"/>
      <protection locked="0"/>
    </xf>
    <xf numFmtId="49" fontId="5" fillId="5" borderId="8" xfId="0" applyNumberFormat="1" applyFont="1" applyFill="1" applyBorder="1" applyAlignment="1" applyProtection="1">
      <alignment horizontal="left" vertical="center" wrapText="1"/>
      <protection locked="0"/>
    </xf>
    <xf numFmtId="49" fontId="5" fillId="5" borderId="10" xfId="0" applyNumberFormat="1" applyFont="1" applyFill="1" applyBorder="1" applyAlignment="1" applyProtection="1">
      <alignment horizontal="left" vertical="center" wrapText="1"/>
      <protection locked="0"/>
    </xf>
    <xf numFmtId="49" fontId="5" fillId="5" borderId="9" xfId="0" applyNumberFormat="1" applyFont="1" applyFill="1" applyBorder="1" applyAlignment="1" applyProtection="1">
      <alignment horizontal="left" vertical="center" wrapText="1"/>
      <protection locked="0"/>
    </xf>
    <xf numFmtId="0" fontId="4" fillId="0" borderId="5" xfId="0" applyFont="1" applyFill="1" applyBorder="1" applyAlignment="1" applyProtection="1">
      <alignment horizontal="left" vertical="center" wrapText="1"/>
      <protection locked="0"/>
    </xf>
    <xf numFmtId="0" fontId="4" fillId="0" borderId="6" xfId="0" applyFont="1" applyFill="1" applyBorder="1" applyAlignment="1" applyProtection="1">
      <alignment horizontal="left" vertical="center" wrapText="1"/>
      <protection locked="0"/>
    </xf>
    <xf numFmtId="49" fontId="2" fillId="6" borderId="10" xfId="0" applyNumberFormat="1" applyFont="1" applyFill="1" applyBorder="1" applyAlignment="1" applyProtection="1">
      <alignment horizontal="left" vertical="center" wrapText="1"/>
      <protection locked="0"/>
    </xf>
    <xf numFmtId="49" fontId="2" fillId="6" borderId="9" xfId="0" applyNumberFormat="1" applyFont="1" applyFill="1" applyBorder="1" applyAlignment="1" applyProtection="1">
      <alignment horizontal="left" vertical="center" wrapText="1"/>
      <protection locked="0"/>
    </xf>
    <xf numFmtId="0" fontId="3" fillId="0" borderId="0" xfId="0" applyFont="1" applyAlignment="1" applyProtection="1">
      <alignment horizontal="center" vertical="center"/>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0" fontId="2" fillId="0" borderId="23" xfId="0" applyFont="1" applyFill="1" applyBorder="1" applyAlignment="1" applyProtection="1">
      <alignment horizontal="left" vertical="center" wrapText="1"/>
      <protection locked="0"/>
    </xf>
    <xf numFmtId="0" fontId="2" fillId="0" borderId="24" xfId="0" applyFont="1" applyFill="1" applyBorder="1" applyAlignment="1" applyProtection="1">
      <alignment horizontal="left" vertical="center" wrapText="1"/>
      <protection locked="0"/>
    </xf>
    <xf numFmtId="0" fontId="3" fillId="4" borderId="0" xfId="0" applyFont="1" applyFill="1" applyAlignment="1" applyProtection="1">
      <alignment horizontal="center" vertical="center" wrapText="1"/>
      <protection locked="0"/>
    </xf>
    <xf numFmtId="49" fontId="5" fillId="2" borderId="1" xfId="0" applyNumberFormat="1" applyFont="1" applyFill="1" applyBorder="1" applyAlignment="1" applyProtection="1">
      <alignment horizontal="left" vertical="top" wrapText="1"/>
      <protection locked="0"/>
    </xf>
    <xf numFmtId="49" fontId="5" fillId="2" borderId="13" xfId="0" applyNumberFormat="1" applyFont="1" applyFill="1" applyBorder="1" applyAlignment="1" applyProtection="1">
      <alignment horizontal="left" vertical="top" wrapText="1"/>
      <protection locked="0"/>
    </xf>
    <xf numFmtId="49" fontId="5" fillId="2" borderId="12" xfId="0" applyNumberFormat="1" applyFont="1" applyFill="1" applyBorder="1" applyAlignment="1" applyProtection="1">
      <alignment horizontal="left" vertical="top" wrapText="1"/>
      <protection locked="0"/>
    </xf>
    <xf numFmtId="49" fontId="5" fillId="2" borderId="3" xfId="0" applyNumberFormat="1" applyFont="1" applyFill="1" applyBorder="1" applyAlignment="1" applyProtection="1">
      <alignment horizontal="left" vertical="top" wrapText="1"/>
      <protection locked="0"/>
    </xf>
    <xf numFmtId="0" fontId="5" fillId="2" borderId="14" xfId="0" applyFont="1" applyFill="1" applyBorder="1" applyAlignment="1" applyProtection="1">
      <alignment horizontal="center" vertical="top" wrapText="1"/>
      <protection locked="0"/>
    </xf>
    <xf numFmtId="0" fontId="5" fillId="2" borderId="13"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18" xfId="0" applyNumberFormat="1" applyFont="1" applyFill="1" applyBorder="1" applyAlignment="1" applyProtection="1">
      <alignment horizontal="center" vertical="center" wrapText="1"/>
      <protection locked="0"/>
    </xf>
    <xf numFmtId="49" fontId="4" fillId="2" borderId="4" xfId="0" applyNumberFormat="1" applyFont="1" applyFill="1" applyBorder="1" applyAlignment="1" applyProtection="1">
      <alignment horizontal="center" vertical="center" wrapText="1"/>
      <protection locked="0"/>
    </xf>
    <xf numFmtId="0" fontId="4" fillId="0" borderId="0" xfId="0" applyFont="1" applyAlignment="1" applyProtection="1">
      <alignment horizontal="left" vertical="top" wrapText="1"/>
      <protection locked="0"/>
    </xf>
    <xf numFmtId="0" fontId="2" fillId="0" borderId="0" xfId="0" applyFont="1" applyAlignment="1" applyProtection="1">
      <alignment horizontal="left" wrapText="1"/>
      <protection locked="0"/>
    </xf>
    <xf numFmtId="0" fontId="2" fillId="0" borderId="0" xfId="0" applyFont="1" applyFill="1" applyAlignment="1" applyProtection="1">
      <alignment horizontal="center" vertical="top"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4" fillId="6" borderId="0" xfId="0" applyFont="1" applyFill="1" applyAlignment="1" applyProtection="1">
      <alignment horizontal="left" vertical="top" wrapText="1"/>
      <protection locked="0"/>
    </xf>
    <xf numFmtId="0" fontId="2" fillId="0" borderId="39" xfId="0" applyFont="1" applyFill="1" applyBorder="1" applyAlignment="1" applyProtection="1">
      <alignment horizontal="left" vertical="center" wrapText="1"/>
      <protection locked="0"/>
    </xf>
    <xf numFmtId="0" fontId="2" fillId="0" borderId="40" xfId="0" applyFont="1" applyFill="1" applyBorder="1" applyAlignment="1" applyProtection="1">
      <alignment horizontal="left" vertical="center" wrapText="1"/>
      <protection locked="0"/>
    </xf>
    <xf numFmtId="49" fontId="5" fillId="5" borderId="22" xfId="0" applyNumberFormat="1" applyFont="1" applyFill="1" applyBorder="1" applyAlignment="1" applyProtection="1">
      <alignment horizontal="left" vertical="center" wrapText="1"/>
      <protection locked="0"/>
    </xf>
    <xf numFmtId="49" fontId="5" fillId="5" borderId="23" xfId="0" applyNumberFormat="1" applyFont="1" applyFill="1" applyBorder="1" applyAlignment="1" applyProtection="1">
      <alignment horizontal="left" vertical="center" wrapText="1"/>
      <protection locked="0"/>
    </xf>
    <xf numFmtId="49" fontId="5" fillId="5" borderId="24" xfId="0" applyNumberFormat="1" applyFont="1" applyFill="1" applyBorder="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14" fillId="0" borderId="0" xfId="0" applyFont="1" applyAlignment="1" applyProtection="1">
      <alignment horizontal="left"/>
      <protection locked="0"/>
    </xf>
    <xf numFmtId="49" fontId="3" fillId="2" borderId="1" xfId="0" applyNumberFormat="1" applyFont="1" applyFill="1" applyBorder="1" applyAlignment="1" applyProtection="1">
      <alignment horizontal="left" vertical="top" wrapText="1"/>
      <protection locked="0"/>
    </xf>
    <xf numFmtId="49" fontId="3" fillId="2" borderId="13" xfId="0" applyNumberFormat="1" applyFont="1" applyFill="1" applyBorder="1" applyAlignment="1" applyProtection="1">
      <alignment horizontal="left" vertical="top" wrapText="1"/>
      <protection locked="0"/>
    </xf>
    <xf numFmtId="49" fontId="3" fillId="2" borderId="12" xfId="0" applyNumberFormat="1" applyFont="1" applyFill="1" applyBorder="1" applyAlignment="1" applyProtection="1">
      <alignment horizontal="left" vertical="top" wrapText="1"/>
      <protection locked="0"/>
    </xf>
    <xf numFmtId="49" fontId="3" fillId="2" borderId="3" xfId="0" applyNumberFormat="1" applyFont="1" applyFill="1" applyBorder="1" applyAlignment="1" applyProtection="1">
      <alignment horizontal="left" vertical="top" wrapText="1"/>
      <protection locked="0"/>
    </xf>
    <xf numFmtId="0" fontId="3" fillId="2" borderId="14" xfId="0" applyFont="1" applyFill="1" applyBorder="1" applyAlignment="1" applyProtection="1">
      <alignment horizontal="center" vertical="top" wrapText="1"/>
      <protection locked="0"/>
    </xf>
    <xf numFmtId="0" fontId="3" fillId="2" borderId="13" xfId="0" applyFont="1" applyFill="1" applyBorder="1" applyAlignment="1" applyProtection="1">
      <alignment horizontal="center" vertical="top" wrapText="1"/>
      <protection locked="0"/>
    </xf>
    <xf numFmtId="0" fontId="3" fillId="2" borderId="2" xfId="0" applyFont="1" applyFill="1" applyBorder="1" applyAlignment="1" applyProtection="1">
      <alignment horizontal="center" vertical="top" wrapText="1"/>
      <protection locked="0"/>
    </xf>
    <xf numFmtId="49" fontId="2" fillId="2" borderId="18" xfId="0" applyNumberFormat="1" applyFont="1" applyFill="1" applyBorder="1" applyAlignment="1" applyProtection="1">
      <alignment horizontal="center" vertical="center" wrapText="1"/>
      <protection locked="0"/>
    </xf>
    <xf numFmtId="49" fontId="2" fillId="2" borderId="4" xfId="0" applyNumberFormat="1" applyFont="1" applyFill="1" applyBorder="1" applyAlignment="1" applyProtection="1">
      <alignment horizontal="center" vertical="center" wrapText="1"/>
      <protection locked="0"/>
    </xf>
    <xf numFmtId="0" fontId="12" fillId="0" borderId="7"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2" fillId="0" borderId="28" xfId="0" applyFont="1" applyFill="1" applyBorder="1" applyAlignment="1" applyProtection="1">
      <alignment horizontal="left" vertical="center" wrapText="1"/>
      <protection locked="0"/>
    </xf>
    <xf numFmtId="0" fontId="2" fillId="0" borderId="29" xfId="0" applyFont="1" applyFill="1" applyBorder="1" applyAlignment="1" applyProtection="1">
      <alignment horizontal="left" vertical="center" wrapText="1"/>
      <protection locked="0"/>
    </xf>
    <xf numFmtId="0" fontId="4" fillId="6" borderId="5" xfId="0" applyFont="1" applyFill="1" applyBorder="1" applyAlignment="1" applyProtection="1">
      <alignment horizontal="left" vertical="center" wrapText="1"/>
      <protection locked="0"/>
    </xf>
    <xf numFmtId="0" fontId="4" fillId="6" borderId="6" xfId="0" applyFont="1" applyFill="1" applyBorder="1" applyAlignment="1" applyProtection="1">
      <alignment horizontal="left" vertical="center" wrapText="1"/>
      <protection locked="0"/>
    </xf>
    <xf numFmtId="49" fontId="2" fillId="0" borderId="5" xfId="0" applyNumberFormat="1" applyFont="1" applyBorder="1" applyAlignment="1" applyProtection="1">
      <alignment horizontal="left" vertical="center" wrapText="1"/>
      <protection locked="0"/>
    </xf>
    <xf numFmtId="49" fontId="2" fillId="0" borderId="30" xfId="0" applyNumberFormat="1" applyFont="1" applyBorder="1" applyAlignment="1" applyProtection="1">
      <alignment horizontal="left" vertical="center" wrapText="1"/>
      <protection locked="0"/>
    </xf>
    <xf numFmtId="49" fontId="4" fillId="0" borderId="0" xfId="0" applyNumberFormat="1" applyFont="1" applyFill="1" applyAlignment="1" applyProtection="1">
      <alignment horizontal="left" vertical="top" wrapText="1"/>
      <protection locked="0"/>
    </xf>
    <xf numFmtId="49" fontId="3" fillId="0" borderId="0" xfId="0" applyNumberFormat="1" applyFont="1" applyFill="1" applyAlignment="1" applyProtection="1">
      <alignment horizontal="left" vertical="center" wrapText="1"/>
      <protection locked="0"/>
    </xf>
    <xf numFmtId="0" fontId="2" fillId="3" borderId="5" xfId="0" applyFont="1" applyFill="1" applyBorder="1" applyAlignment="1" applyProtection="1">
      <alignment horizontal="left" vertical="top" wrapText="1"/>
      <protection locked="0"/>
    </xf>
    <xf numFmtId="0" fontId="2" fillId="3" borderId="6" xfId="0" applyFont="1" applyFill="1" applyBorder="1" applyAlignment="1" applyProtection="1">
      <alignment horizontal="left" vertical="top" wrapText="1"/>
      <protection locked="0"/>
    </xf>
    <xf numFmtId="49" fontId="4" fillId="2" borderId="16" xfId="0" applyNumberFormat="1" applyFont="1" applyFill="1" applyBorder="1" applyAlignment="1" applyProtection="1">
      <alignment horizontal="center" vertical="center" wrapText="1"/>
      <protection locked="0"/>
    </xf>
    <xf numFmtId="49" fontId="4" fillId="2" borderId="17" xfId="0" applyNumberFormat="1" applyFont="1" applyFill="1" applyBorder="1" applyAlignment="1" applyProtection="1">
      <alignment horizontal="center" vertical="center" wrapText="1"/>
      <protection locked="0"/>
    </xf>
    <xf numFmtId="49" fontId="5" fillId="5" borderId="27" xfId="0" applyNumberFormat="1" applyFont="1" applyFill="1" applyBorder="1" applyAlignment="1" applyProtection="1">
      <alignment horizontal="left" vertical="center" wrapText="1"/>
      <protection locked="0"/>
    </xf>
    <xf numFmtId="49" fontId="5" fillId="5" borderId="28" xfId="0" applyNumberFormat="1" applyFont="1" applyFill="1" applyBorder="1" applyAlignment="1" applyProtection="1">
      <alignment horizontal="left" vertical="center" wrapText="1"/>
      <protection locked="0"/>
    </xf>
    <xf numFmtId="49" fontId="5" fillId="5" borderId="29" xfId="0" applyNumberFormat="1" applyFont="1" applyFill="1" applyBorder="1" applyAlignment="1" applyProtection="1">
      <alignment horizontal="left" vertical="center" wrapText="1"/>
      <protection locked="0"/>
    </xf>
    <xf numFmtId="49" fontId="2" fillId="6" borderId="20" xfId="0" applyNumberFormat="1" applyFont="1" applyFill="1" applyBorder="1" applyAlignment="1" applyProtection="1">
      <alignment horizontal="left" vertical="center" wrapText="1"/>
      <protection locked="0"/>
    </xf>
    <xf numFmtId="49" fontId="2" fillId="6" borderId="21" xfId="0" applyNumberFormat="1" applyFont="1" applyFill="1" applyBorder="1" applyAlignment="1" applyProtection="1">
      <alignment horizontal="left" vertical="center" wrapText="1"/>
      <protection locked="0"/>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37">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4</xdr:row>
          <xdr:rowOff>9525</xdr:rowOff>
        </xdr:from>
        <xdr:to>
          <xdr:col>1</xdr:col>
          <xdr:colOff>885825</xdr:colOff>
          <xdr:row>34</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5</xdr:row>
          <xdr:rowOff>0</xdr:rowOff>
        </xdr:from>
        <xdr:to>
          <xdr:col>1</xdr:col>
          <xdr:colOff>885825</xdr:colOff>
          <xdr:row>35</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190"/>
  <sheetViews>
    <sheetView showGridLines="0" tabSelected="1" zoomScaleNormal="100" workbookViewId="0"/>
  </sheetViews>
  <sheetFormatPr defaultRowHeight="12.75" x14ac:dyDescent="0.2"/>
  <cols>
    <col min="1" max="1" width="5.5703125" style="11" customWidth="1"/>
    <col min="2" max="2" width="13.5703125" style="11" customWidth="1"/>
    <col min="3" max="3" width="70.42578125" style="11" customWidth="1"/>
    <col min="4" max="4" width="16.42578125" style="26" customWidth="1"/>
    <col min="5" max="5" width="13.7109375" style="26" customWidth="1"/>
    <col min="6" max="6" width="19.7109375" style="16" customWidth="1"/>
    <col min="7" max="7" width="17.140625" style="11" customWidth="1"/>
    <col min="8" max="8" width="9.140625" style="11"/>
    <col min="9" max="9" width="9.140625" style="11" customWidth="1"/>
    <col min="10" max="16384" width="9.140625" style="11"/>
  </cols>
  <sheetData>
    <row r="1" spans="2:6" ht="24" customHeight="1" x14ac:dyDescent="0.2">
      <c r="B1" s="126" t="s">
        <v>44</v>
      </c>
      <c r="C1" s="126"/>
      <c r="D1" s="126"/>
      <c r="E1" s="126"/>
      <c r="F1" s="126"/>
    </row>
    <row r="2" spans="2:6" s="12" customFormat="1" ht="27.75" customHeight="1" x14ac:dyDescent="0.2">
      <c r="B2" s="153" t="s">
        <v>42</v>
      </c>
      <c r="C2" s="153"/>
      <c r="D2" s="153"/>
      <c r="E2" s="153"/>
      <c r="F2" s="153"/>
    </row>
    <row r="3" spans="2:6" s="12" customFormat="1" ht="54.75" customHeight="1" x14ac:dyDescent="0.2">
      <c r="B3" s="143" t="s">
        <v>47</v>
      </c>
      <c r="C3" s="143"/>
      <c r="D3" s="143"/>
      <c r="E3" s="143"/>
      <c r="F3" s="143"/>
    </row>
    <row r="4" spans="2:6" ht="24.95" customHeight="1" x14ac:dyDescent="0.2">
      <c r="B4" s="13" t="s">
        <v>46</v>
      </c>
      <c r="C4" s="14"/>
      <c r="D4" s="86"/>
      <c r="E4" s="86"/>
      <c r="F4" s="86"/>
    </row>
    <row r="5" spans="2:6" ht="24.95" customHeight="1" x14ac:dyDescent="0.2">
      <c r="B5" s="13" t="s">
        <v>45</v>
      </c>
      <c r="C5" s="15"/>
      <c r="D5" s="86"/>
      <c r="E5" s="86"/>
      <c r="F5" s="86"/>
    </row>
    <row r="6" spans="2:6" ht="5.0999999999999996" customHeight="1" x14ac:dyDescent="0.2">
      <c r="B6" s="86"/>
      <c r="C6" s="86"/>
      <c r="D6" s="86"/>
      <c r="E6" s="86"/>
      <c r="F6" s="86"/>
    </row>
    <row r="7" spans="2:6" s="16" customFormat="1" ht="20.100000000000001" customHeight="1" x14ac:dyDescent="0.25">
      <c r="B7" s="131" t="s">
        <v>5</v>
      </c>
      <c r="C7" s="131"/>
      <c r="D7" s="131"/>
      <c r="E7" s="131"/>
      <c r="F7" s="131"/>
    </row>
    <row r="8" spans="2:6" s="16" customFormat="1" ht="20.100000000000001" customHeight="1" x14ac:dyDescent="0.25">
      <c r="B8" s="144" t="s">
        <v>9</v>
      </c>
      <c r="C8" s="144"/>
      <c r="D8" s="144"/>
      <c r="E8" s="144"/>
      <c r="F8" s="144"/>
    </row>
    <row r="9" spans="2:6" ht="28.5" customHeight="1" x14ac:dyDescent="0.2">
      <c r="B9" s="145" t="s">
        <v>91</v>
      </c>
      <c r="C9" s="145"/>
      <c r="D9" s="145"/>
      <c r="E9" s="145"/>
      <c r="F9" s="145"/>
    </row>
    <row r="10" spans="2:6" ht="4.5" customHeight="1" x14ac:dyDescent="0.2">
      <c r="B10" s="17"/>
      <c r="C10" s="17"/>
      <c r="D10" s="17"/>
      <c r="E10" s="17"/>
      <c r="F10" s="17"/>
    </row>
    <row r="11" spans="2:6" s="16" customFormat="1" ht="20.100000000000001" customHeight="1" x14ac:dyDescent="0.25">
      <c r="B11" s="146" t="s">
        <v>10</v>
      </c>
      <c r="C11" s="146"/>
      <c r="D11" s="146"/>
      <c r="E11" s="146"/>
      <c r="F11" s="146"/>
    </row>
    <row r="12" spans="2:6" s="19" customFormat="1" ht="20.100000000000001" customHeight="1" x14ac:dyDescent="0.25">
      <c r="B12" s="147" t="s">
        <v>92</v>
      </c>
      <c r="C12" s="147"/>
      <c r="D12" s="147"/>
      <c r="E12" s="18"/>
      <c r="F12" s="18"/>
    </row>
    <row r="13" spans="2:6" s="19" customFormat="1" ht="20.100000000000001" customHeight="1" x14ac:dyDescent="0.25">
      <c r="B13" s="147" t="s">
        <v>93</v>
      </c>
      <c r="C13" s="147"/>
      <c r="D13" s="147"/>
      <c r="E13" s="18"/>
      <c r="F13" s="18"/>
    </row>
    <row r="14" spans="2:6" s="19" customFormat="1" ht="20.100000000000001" customHeight="1" x14ac:dyDescent="0.25">
      <c r="B14" s="147" t="s">
        <v>72</v>
      </c>
      <c r="C14" s="147"/>
      <c r="D14" s="82"/>
      <c r="E14" s="18"/>
      <c r="F14" s="18"/>
    </row>
    <row r="15" spans="2:6" s="19" customFormat="1" ht="20.100000000000001" customHeight="1" x14ac:dyDescent="0.25">
      <c r="B15" s="147" t="s">
        <v>71</v>
      </c>
      <c r="C15" s="147"/>
      <c r="D15" s="147"/>
      <c r="E15" s="18"/>
      <c r="F15" s="18"/>
    </row>
    <row r="16" spans="2:6" ht="4.5" customHeight="1" x14ac:dyDescent="0.2">
      <c r="B16" s="85"/>
      <c r="C16" s="85"/>
      <c r="D16" s="85"/>
      <c r="E16" s="17"/>
      <c r="F16" s="17"/>
    </row>
    <row r="17" spans="2:6" ht="20.100000000000001" customHeight="1" x14ac:dyDescent="0.2">
      <c r="B17" s="20" t="s">
        <v>11</v>
      </c>
      <c r="C17" s="21"/>
      <c r="D17" s="21"/>
      <c r="E17" s="22"/>
      <c r="F17" s="22"/>
    </row>
    <row r="18" spans="2:6" s="25" customFormat="1" ht="24.95" customHeight="1" x14ac:dyDescent="0.25">
      <c r="B18" s="141" t="s">
        <v>55</v>
      </c>
      <c r="C18" s="141"/>
      <c r="D18" s="141"/>
      <c r="E18" s="23"/>
      <c r="F18" s="24"/>
    </row>
    <row r="19" spans="2:6" ht="5.0999999999999996" customHeight="1" x14ac:dyDescent="0.2">
      <c r="B19" s="142"/>
      <c r="C19" s="142"/>
      <c r="D19" s="142"/>
      <c r="F19" s="27"/>
    </row>
    <row r="20" spans="2:6" s="16" customFormat="1" ht="20.100000000000001" customHeight="1" x14ac:dyDescent="0.25">
      <c r="B20" s="131" t="s">
        <v>24</v>
      </c>
      <c r="C20" s="131"/>
      <c r="D20" s="131"/>
      <c r="E20" s="131"/>
      <c r="F20" s="131"/>
    </row>
    <row r="21" spans="2:6" ht="119.25" customHeight="1" x14ac:dyDescent="0.2">
      <c r="B21" s="177" t="s">
        <v>94</v>
      </c>
      <c r="C21" s="177"/>
      <c r="D21" s="177"/>
      <c r="E21" s="177"/>
      <c r="F21" s="177"/>
    </row>
    <row r="22" spans="2:6" ht="5.0999999999999996" customHeight="1" x14ac:dyDescent="0.2">
      <c r="B22" s="142"/>
      <c r="C22" s="142"/>
      <c r="D22" s="142"/>
      <c r="F22" s="27"/>
    </row>
    <row r="23" spans="2:6" s="16" customFormat="1" ht="20.100000000000001" customHeight="1" x14ac:dyDescent="0.25">
      <c r="B23" s="131" t="s">
        <v>25</v>
      </c>
      <c r="C23" s="131"/>
      <c r="D23" s="131"/>
      <c r="E23" s="131"/>
      <c r="F23" s="131"/>
    </row>
    <row r="24" spans="2:6" s="28" customFormat="1" ht="20.100000000000001" customHeight="1" x14ac:dyDescent="0.25">
      <c r="B24" s="178" t="s">
        <v>6</v>
      </c>
      <c r="C24" s="178"/>
      <c r="D24" s="178"/>
      <c r="E24" s="178"/>
      <c r="F24" s="178"/>
    </row>
    <row r="25" spans="2:6" s="28" customFormat="1" ht="20.100000000000001" customHeight="1" x14ac:dyDescent="0.25">
      <c r="B25" s="127" t="s">
        <v>18</v>
      </c>
      <c r="C25" s="128"/>
      <c r="D25" s="83"/>
      <c r="E25" s="83"/>
      <c r="F25" s="83"/>
    </row>
    <row r="26" spans="2:6" s="28" customFormat="1" ht="20.100000000000001" customHeight="1" x14ac:dyDescent="0.25">
      <c r="B26" s="29"/>
      <c r="C26" s="29" t="s">
        <v>22</v>
      </c>
      <c r="D26" s="83"/>
      <c r="E26" s="83"/>
      <c r="F26" s="83"/>
    </row>
    <row r="27" spans="2:6" s="28" customFormat="1" ht="20.100000000000001" customHeight="1" x14ac:dyDescent="0.25">
      <c r="B27" s="29"/>
      <c r="C27" s="29" t="s">
        <v>23</v>
      </c>
      <c r="D27" s="83"/>
      <c r="E27" s="83"/>
      <c r="F27" s="83"/>
    </row>
    <row r="28" spans="2:6" s="28" customFormat="1" ht="20.100000000000001" customHeight="1" x14ac:dyDescent="0.25">
      <c r="B28" s="127" t="s">
        <v>19</v>
      </c>
      <c r="C28" s="128"/>
      <c r="D28" s="83"/>
      <c r="E28" s="83"/>
      <c r="F28" s="83"/>
    </row>
    <row r="29" spans="2:6" s="28" customFormat="1" ht="31.5" customHeight="1" x14ac:dyDescent="0.25">
      <c r="B29" s="30" t="s">
        <v>20</v>
      </c>
      <c r="C29" s="179" t="s">
        <v>13</v>
      </c>
      <c r="D29" s="180"/>
      <c r="E29" s="31" t="s">
        <v>12</v>
      </c>
      <c r="F29" s="31" t="s">
        <v>14</v>
      </c>
    </row>
    <row r="30" spans="2:6" s="28" customFormat="1" ht="24.95" customHeight="1" x14ac:dyDescent="0.25">
      <c r="B30" s="32" t="s">
        <v>2</v>
      </c>
      <c r="C30" s="122" t="s">
        <v>96</v>
      </c>
      <c r="D30" s="123"/>
      <c r="E30" s="33" t="s">
        <v>1</v>
      </c>
      <c r="F30" s="34">
        <v>1</v>
      </c>
    </row>
    <row r="31" spans="2:6" s="28" customFormat="1" ht="24.95" customHeight="1" x14ac:dyDescent="0.25">
      <c r="B31" s="35" t="s">
        <v>73</v>
      </c>
      <c r="C31" s="122" t="s">
        <v>97</v>
      </c>
      <c r="D31" s="123"/>
      <c r="E31" s="33" t="s">
        <v>1</v>
      </c>
      <c r="F31" s="37">
        <v>200</v>
      </c>
    </row>
    <row r="32" spans="2:6" s="28" customFormat="1" ht="24.95" customHeight="1" x14ac:dyDescent="0.25">
      <c r="B32" s="35" t="s">
        <v>95</v>
      </c>
      <c r="C32" s="173" t="s">
        <v>74</v>
      </c>
      <c r="D32" s="174"/>
      <c r="E32" s="36" t="s">
        <v>75</v>
      </c>
      <c r="F32" s="37">
        <v>60</v>
      </c>
    </row>
    <row r="33" spans="2:7" s="28" customFormat="1" ht="4.5" customHeight="1" x14ac:dyDescent="0.25">
      <c r="B33" s="83"/>
      <c r="C33" s="83"/>
      <c r="D33" s="83"/>
      <c r="E33" s="83"/>
      <c r="F33" s="83"/>
    </row>
    <row r="34" spans="2:7" s="28" customFormat="1" ht="20.100000000000001" customHeight="1" x14ac:dyDescent="0.25">
      <c r="B34" s="127" t="s">
        <v>21</v>
      </c>
      <c r="C34" s="128"/>
      <c r="D34" s="83"/>
      <c r="E34" s="83"/>
      <c r="F34" s="83"/>
    </row>
    <row r="35" spans="2:7" s="28" customFormat="1" ht="20.100000000000001" customHeight="1" x14ac:dyDescent="0.2">
      <c r="B35" s="12"/>
      <c r="C35" s="28" t="s">
        <v>3</v>
      </c>
      <c r="D35" s="83"/>
      <c r="E35" s="83"/>
      <c r="F35" s="83"/>
    </row>
    <row r="36" spans="2:7" s="28" customFormat="1" ht="20.100000000000001" customHeight="1" x14ac:dyDescent="0.25">
      <c r="B36" s="29"/>
      <c r="C36" s="16" t="s">
        <v>4</v>
      </c>
      <c r="D36" s="83"/>
      <c r="E36" s="83"/>
      <c r="F36" s="83"/>
    </row>
    <row r="37" spans="2:7" ht="5.0999999999999996" customHeight="1" x14ac:dyDescent="0.2"/>
    <row r="38" spans="2:7" s="16" customFormat="1" ht="20.100000000000001" customHeight="1" x14ac:dyDescent="0.25">
      <c r="B38" s="131" t="s">
        <v>26</v>
      </c>
      <c r="C38" s="131"/>
      <c r="D38" s="131"/>
      <c r="E38" s="131"/>
      <c r="F38" s="131"/>
    </row>
    <row r="39" spans="2:7" s="16" customFormat="1" ht="5.0999999999999996" customHeight="1" thickBot="1" x14ac:dyDescent="0.3">
      <c r="B39" s="27"/>
      <c r="D39" s="38"/>
      <c r="E39" s="38"/>
      <c r="F39" s="38"/>
    </row>
    <row r="40" spans="2:7" s="25" customFormat="1" ht="93" customHeight="1" x14ac:dyDescent="0.25">
      <c r="B40" s="132" t="s">
        <v>0</v>
      </c>
      <c r="C40" s="133"/>
      <c r="D40" s="136" t="s">
        <v>56</v>
      </c>
      <c r="E40" s="137"/>
      <c r="F40" s="138"/>
      <c r="G40" s="39"/>
    </row>
    <row r="41" spans="2:7" s="25" customFormat="1" ht="30" customHeight="1" thickBot="1" x14ac:dyDescent="0.3">
      <c r="B41" s="134"/>
      <c r="C41" s="135"/>
      <c r="D41" s="40" t="s">
        <v>27</v>
      </c>
      <c r="E41" s="181" t="s">
        <v>28</v>
      </c>
      <c r="F41" s="182"/>
    </row>
    <row r="42" spans="2:7" s="41" customFormat="1" ht="30.75" customHeight="1" x14ac:dyDescent="0.25">
      <c r="B42" s="150" t="s">
        <v>98</v>
      </c>
      <c r="C42" s="151"/>
      <c r="D42" s="151"/>
      <c r="E42" s="151"/>
      <c r="F42" s="152"/>
    </row>
    <row r="43" spans="2:7" s="43" customFormat="1" ht="62.25" customHeight="1" x14ac:dyDescent="0.25">
      <c r="B43" s="68" t="s">
        <v>58</v>
      </c>
      <c r="C43" s="87" t="s">
        <v>103</v>
      </c>
      <c r="D43" s="42"/>
      <c r="E43" s="117"/>
      <c r="F43" s="118"/>
    </row>
    <row r="44" spans="2:7" s="43" customFormat="1" ht="43.5" customHeight="1" x14ac:dyDescent="0.25">
      <c r="B44" s="68" t="s">
        <v>99</v>
      </c>
      <c r="C44" s="87" t="s">
        <v>104</v>
      </c>
      <c r="D44" s="42"/>
      <c r="E44" s="117"/>
      <c r="F44" s="118"/>
    </row>
    <row r="45" spans="2:7" s="43" customFormat="1" ht="40.5" customHeight="1" x14ac:dyDescent="0.25">
      <c r="B45" s="68" t="s">
        <v>100</v>
      </c>
      <c r="C45" s="88" t="s">
        <v>105</v>
      </c>
      <c r="D45" s="42"/>
      <c r="E45" s="117"/>
      <c r="F45" s="118"/>
    </row>
    <row r="46" spans="2:7" s="43" customFormat="1" ht="47.25" customHeight="1" x14ac:dyDescent="0.25">
      <c r="B46" s="68" t="s">
        <v>101</v>
      </c>
      <c r="C46" s="88" t="s">
        <v>106</v>
      </c>
      <c r="D46" s="42"/>
      <c r="E46" s="117"/>
      <c r="F46" s="118"/>
    </row>
    <row r="47" spans="2:7" s="43" customFormat="1" ht="37.5" customHeight="1" x14ac:dyDescent="0.25">
      <c r="B47" s="68" t="s">
        <v>102</v>
      </c>
      <c r="C47" s="88" t="s">
        <v>107</v>
      </c>
      <c r="D47" s="42"/>
      <c r="E47" s="175"/>
      <c r="F47" s="176"/>
    </row>
    <row r="48" spans="2:7" s="43" customFormat="1" ht="40.5" customHeight="1" x14ac:dyDescent="0.25">
      <c r="B48" s="183" t="s">
        <v>108</v>
      </c>
      <c r="C48" s="184"/>
      <c r="D48" s="184"/>
      <c r="E48" s="184"/>
      <c r="F48" s="185"/>
    </row>
    <row r="49" spans="2:6" s="43" customFormat="1" ht="78.75" customHeight="1" x14ac:dyDescent="0.25">
      <c r="B49" s="89" t="s">
        <v>58</v>
      </c>
      <c r="C49" s="88" t="s">
        <v>109</v>
      </c>
      <c r="D49" s="42"/>
      <c r="E49" s="117"/>
      <c r="F49" s="118"/>
    </row>
    <row r="50" spans="2:6" s="43" customFormat="1" ht="48" customHeight="1" x14ac:dyDescent="0.25">
      <c r="B50" s="89" t="s">
        <v>99</v>
      </c>
      <c r="C50" s="88" t="s">
        <v>110</v>
      </c>
      <c r="D50" s="42"/>
      <c r="E50" s="175"/>
      <c r="F50" s="176"/>
    </row>
    <row r="51" spans="2:6" s="41" customFormat="1" ht="48" customHeight="1" x14ac:dyDescent="0.25">
      <c r="B51" s="119" t="s">
        <v>111</v>
      </c>
      <c r="C51" s="120"/>
      <c r="D51" s="120"/>
      <c r="E51" s="120"/>
      <c r="F51" s="121"/>
    </row>
    <row r="52" spans="2:6" s="43" customFormat="1" ht="24.95" customHeight="1" x14ac:dyDescent="0.25">
      <c r="B52" s="68" t="s">
        <v>16</v>
      </c>
      <c r="C52" s="69" t="s">
        <v>76</v>
      </c>
      <c r="D52" s="44"/>
      <c r="E52" s="124"/>
      <c r="F52" s="125"/>
    </row>
    <row r="53" spans="2:6" s="43" customFormat="1" ht="24.95" customHeight="1" x14ac:dyDescent="0.25">
      <c r="B53" s="68" t="s">
        <v>52</v>
      </c>
      <c r="C53" s="69" t="s">
        <v>77</v>
      </c>
      <c r="D53" s="44"/>
      <c r="E53" s="124"/>
      <c r="F53" s="125"/>
    </row>
    <row r="54" spans="2:6" s="43" customFormat="1" ht="24.95" customHeight="1" x14ac:dyDescent="0.25">
      <c r="B54" s="68" t="s">
        <v>53</v>
      </c>
      <c r="C54" s="69" t="s">
        <v>78</v>
      </c>
      <c r="D54" s="44"/>
      <c r="E54" s="124"/>
      <c r="F54" s="125"/>
    </row>
    <row r="55" spans="2:6" s="43" customFormat="1" ht="24.95" customHeight="1" x14ac:dyDescent="0.25">
      <c r="B55" s="68" t="s">
        <v>54</v>
      </c>
      <c r="C55" s="69" t="s">
        <v>79</v>
      </c>
      <c r="D55" s="44"/>
      <c r="E55" s="124"/>
      <c r="F55" s="125"/>
    </row>
    <row r="56" spans="2:6" s="43" customFormat="1" ht="24.95" customHeight="1" x14ac:dyDescent="0.25">
      <c r="B56" s="68" t="s">
        <v>61</v>
      </c>
      <c r="C56" s="69" t="s">
        <v>80</v>
      </c>
      <c r="D56" s="44"/>
      <c r="E56" s="124"/>
      <c r="F56" s="125"/>
    </row>
    <row r="57" spans="2:6" s="43" customFormat="1" ht="24.95" customHeight="1" x14ac:dyDescent="0.25">
      <c r="B57" s="68" t="s">
        <v>62</v>
      </c>
      <c r="C57" s="69" t="s">
        <v>81</v>
      </c>
      <c r="D57" s="44"/>
      <c r="E57" s="124"/>
      <c r="F57" s="125"/>
    </row>
    <row r="58" spans="2:6" s="43" customFormat="1" ht="24.95" customHeight="1" x14ac:dyDescent="0.25">
      <c r="B58" s="68" t="s">
        <v>63</v>
      </c>
      <c r="C58" s="69" t="s">
        <v>82</v>
      </c>
      <c r="D58" s="44"/>
      <c r="E58" s="124"/>
      <c r="F58" s="125"/>
    </row>
    <row r="59" spans="2:6" s="43" customFormat="1" ht="24.95" customHeight="1" x14ac:dyDescent="0.25">
      <c r="B59" s="68" t="s">
        <v>64</v>
      </c>
      <c r="C59" s="69" t="s">
        <v>83</v>
      </c>
      <c r="D59" s="44"/>
      <c r="E59" s="124"/>
      <c r="F59" s="125"/>
    </row>
    <row r="60" spans="2:6" s="43" customFormat="1" ht="24.95" customHeight="1" x14ac:dyDescent="0.25">
      <c r="B60" s="68" t="s">
        <v>65</v>
      </c>
      <c r="C60" s="69" t="s">
        <v>84</v>
      </c>
      <c r="D60" s="44"/>
      <c r="E60" s="124"/>
      <c r="F60" s="125"/>
    </row>
    <row r="61" spans="2:6" s="43" customFormat="1" ht="24.95" customHeight="1" x14ac:dyDescent="0.25">
      <c r="B61" s="68" t="s">
        <v>66</v>
      </c>
      <c r="C61" s="69" t="s">
        <v>85</v>
      </c>
      <c r="D61" s="44"/>
      <c r="E61" s="124"/>
      <c r="F61" s="125"/>
    </row>
    <row r="62" spans="2:6" s="43" customFormat="1" ht="24.95" customHeight="1" thickBot="1" x14ac:dyDescent="0.3">
      <c r="B62" s="70" t="s">
        <v>67</v>
      </c>
      <c r="C62" s="71" t="s">
        <v>86</v>
      </c>
      <c r="D62" s="45"/>
      <c r="E62" s="186"/>
      <c r="F62" s="187"/>
    </row>
    <row r="63" spans="2:6" s="25" customFormat="1" ht="5.0999999999999996" customHeight="1" x14ac:dyDescent="0.25">
      <c r="B63" s="46"/>
      <c r="C63" s="47"/>
      <c r="D63" s="48"/>
      <c r="E63" s="48"/>
      <c r="F63" s="49"/>
    </row>
    <row r="64" spans="2:6" s="16" customFormat="1" ht="20.100000000000001" customHeight="1" x14ac:dyDescent="0.25">
      <c r="B64" s="131" t="s">
        <v>43</v>
      </c>
      <c r="C64" s="131"/>
      <c r="D64" s="131"/>
      <c r="E64" s="131"/>
      <c r="F64" s="131"/>
    </row>
    <row r="65" spans="2:6" s="16" customFormat="1" ht="5.0999999999999996" customHeight="1" thickBot="1" x14ac:dyDescent="0.3">
      <c r="B65" s="27"/>
      <c r="D65" s="38"/>
      <c r="E65" s="38"/>
      <c r="F65" s="38"/>
    </row>
    <row r="66" spans="2:6" s="25" customFormat="1" ht="69" customHeight="1" x14ac:dyDescent="0.25">
      <c r="B66" s="132" t="s">
        <v>8</v>
      </c>
      <c r="C66" s="133"/>
      <c r="D66" s="136" t="s">
        <v>57</v>
      </c>
      <c r="E66" s="137"/>
      <c r="F66" s="138"/>
    </row>
    <row r="67" spans="2:6" s="25" customFormat="1" ht="30" customHeight="1" thickBot="1" x14ac:dyDescent="0.3">
      <c r="B67" s="134"/>
      <c r="C67" s="135"/>
      <c r="D67" s="40" t="s">
        <v>7</v>
      </c>
      <c r="E67" s="139" t="s">
        <v>29</v>
      </c>
      <c r="F67" s="140"/>
    </row>
    <row r="68" spans="2:6" s="16" customFormat="1" ht="49.5" customHeight="1" x14ac:dyDescent="0.25">
      <c r="B68" s="73" t="s">
        <v>16</v>
      </c>
      <c r="C68" s="90" t="s">
        <v>115</v>
      </c>
      <c r="D68" s="42"/>
      <c r="E68" s="148"/>
      <c r="F68" s="149"/>
    </row>
    <row r="69" spans="2:6" s="16" customFormat="1" ht="54" customHeight="1" x14ac:dyDescent="0.25">
      <c r="B69" s="91" t="s">
        <v>52</v>
      </c>
      <c r="C69" s="92" t="s">
        <v>116</v>
      </c>
      <c r="D69" s="42"/>
      <c r="E69" s="113"/>
      <c r="F69" s="114"/>
    </row>
    <row r="70" spans="2:6" s="16" customFormat="1" ht="27.75" customHeight="1" x14ac:dyDescent="0.25">
      <c r="B70" s="93" t="s">
        <v>53</v>
      </c>
      <c r="C70" s="94" t="s">
        <v>149</v>
      </c>
      <c r="D70" s="42"/>
      <c r="E70" s="113"/>
      <c r="F70" s="114"/>
    </row>
    <row r="71" spans="2:6" s="16" customFormat="1" ht="30" customHeight="1" x14ac:dyDescent="0.25">
      <c r="B71" s="95" t="s">
        <v>125</v>
      </c>
      <c r="C71" s="96" t="s">
        <v>152</v>
      </c>
      <c r="D71" s="42"/>
      <c r="E71" s="113"/>
      <c r="F71" s="114"/>
    </row>
    <row r="72" spans="2:6" s="16" customFormat="1" ht="25.5" customHeight="1" x14ac:dyDescent="0.25">
      <c r="B72" s="95" t="s">
        <v>126</v>
      </c>
      <c r="C72" s="96" t="s">
        <v>153</v>
      </c>
      <c r="D72" s="42"/>
      <c r="E72" s="113"/>
      <c r="F72" s="114"/>
    </row>
    <row r="73" spans="2:6" s="16" customFormat="1" ht="57.75" customHeight="1" x14ac:dyDescent="0.25">
      <c r="B73" s="95" t="s">
        <v>127</v>
      </c>
      <c r="C73" s="96" t="s">
        <v>150</v>
      </c>
      <c r="D73" s="42"/>
      <c r="E73" s="113"/>
      <c r="F73" s="114"/>
    </row>
    <row r="74" spans="2:6" s="16" customFormat="1" ht="50.25" customHeight="1" x14ac:dyDescent="0.25">
      <c r="B74" s="95" t="s">
        <v>128</v>
      </c>
      <c r="C74" s="96" t="s">
        <v>151</v>
      </c>
      <c r="D74" s="42"/>
      <c r="E74" s="113"/>
      <c r="F74" s="114"/>
    </row>
    <row r="75" spans="2:6" s="16" customFormat="1" ht="135" customHeight="1" x14ac:dyDescent="0.25">
      <c r="B75" s="97" t="s">
        <v>129</v>
      </c>
      <c r="C75" s="98" t="s">
        <v>156</v>
      </c>
      <c r="D75" s="42"/>
      <c r="E75" s="113"/>
      <c r="F75" s="114"/>
    </row>
    <row r="76" spans="2:6" s="16" customFormat="1" ht="28.5" customHeight="1" x14ac:dyDescent="0.25">
      <c r="B76" s="93" t="s">
        <v>54</v>
      </c>
      <c r="C76" s="94" t="s">
        <v>117</v>
      </c>
      <c r="D76" s="42"/>
      <c r="E76" s="113"/>
      <c r="F76" s="114"/>
    </row>
    <row r="77" spans="2:6" s="16" customFormat="1" ht="32.25" customHeight="1" x14ac:dyDescent="0.25">
      <c r="B77" s="95" t="s">
        <v>204</v>
      </c>
      <c r="C77" s="99" t="s">
        <v>118</v>
      </c>
      <c r="D77" s="42"/>
      <c r="E77" s="113"/>
      <c r="F77" s="114"/>
    </row>
    <row r="78" spans="2:6" s="16" customFormat="1" ht="24.75" customHeight="1" x14ac:dyDescent="0.25">
      <c r="B78" s="95" t="s">
        <v>205</v>
      </c>
      <c r="C78" s="96" t="s">
        <v>153</v>
      </c>
      <c r="D78" s="42"/>
      <c r="E78" s="113"/>
      <c r="F78" s="114"/>
    </row>
    <row r="79" spans="2:6" s="16" customFormat="1" ht="56.25" customHeight="1" x14ac:dyDescent="0.25">
      <c r="B79" s="95" t="s">
        <v>206</v>
      </c>
      <c r="C79" s="96" t="s">
        <v>154</v>
      </c>
      <c r="D79" s="42"/>
      <c r="E79" s="113"/>
      <c r="F79" s="114"/>
    </row>
    <row r="80" spans="2:6" s="16" customFormat="1" ht="141" customHeight="1" x14ac:dyDescent="0.25">
      <c r="B80" s="97" t="s">
        <v>207</v>
      </c>
      <c r="C80" s="98" t="s">
        <v>155</v>
      </c>
      <c r="D80" s="42"/>
      <c r="E80" s="113"/>
      <c r="F80" s="114"/>
    </row>
    <row r="81" spans="2:6" s="16" customFormat="1" ht="128.25" customHeight="1" x14ac:dyDescent="0.25">
      <c r="B81" s="91" t="s">
        <v>61</v>
      </c>
      <c r="C81" s="92" t="s">
        <v>119</v>
      </c>
      <c r="D81" s="42"/>
      <c r="E81" s="113"/>
      <c r="F81" s="114"/>
    </row>
    <row r="82" spans="2:6" s="16" customFormat="1" ht="291.75" customHeight="1" x14ac:dyDescent="0.25">
      <c r="B82" s="91" t="s">
        <v>62</v>
      </c>
      <c r="C82" s="100" t="s">
        <v>146</v>
      </c>
      <c r="D82" s="42"/>
      <c r="E82" s="113"/>
      <c r="F82" s="114"/>
    </row>
    <row r="83" spans="2:6" s="16" customFormat="1" ht="113.25" customHeight="1" x14ac:dyDescent="0.25">
      <c r="B83" s="101" t="s">
        <v>63</v>
      </c>
      <c r="C83" s="102" t="s">
        <v>147</v>
      </c>
      <c r="D83" s="42"/>
      <c r="E83" s="113"/>
      <c r="F83" s="114"/>
    </row>
    <row r="84" spans="2:6" s="16" customFormat="1" ht="99" customHeight="1" x14ac:dyDescent="0.25">
      <c r="B84" s="101"/>
      <c r="C84" s="103" t="s">
        <v>122</v>
      </c>
      <c r="D84" s="42"/>
      <c r="E84" s="113"/>
      <c r="F84" s="114"/>
    </row>
    <row r="85" spans="2:6" s="16" customFormat="1" ht="241.5" customHeight="1" x14ac:dyDescent="0.25">
      <c r="B85" s="91" t="s">
        <v>64</v>
      </c>
      <c r="C85" s="92" t="s">
        <v>148</v>
      </c>
      <c r="D85" s="42"/>
      <c r="E85" s="113"/>
      <c r="F85" s="114"/>
    </row>
    <row r="86" spans="2:6" s="16" customFormat="1" ht="121.5" customHeight="1" x14ac:dyDescent="0.25">
      <c r="B86" s="93" t="s">
        <v>65</v>
      </c>
      <c r="C86" s="94" t="s">
        <v>120</v>
      </c>
      <c r="D86" s="42"/>
      <c r="E86" s="113"/>
      <c r="F86" s="114"/>
    </row>
    <row r="87" spans="2:6" s="16" customFormat="1" ht="105.75" customHeight="1" x14ac:dyDescent="0.25">
      <c r="B87" s="104" t="s">
        <v>208</v>
      </c>
      <c r="C87" s="105" t="s">
        <v>121</v>
      </c>
      <c r="D87" s="42"/>
      <c r="E87" s="113"/>
      <c r="F87" s="114"/>
    </row>
    <row r="88" spans="2:6" s="16" customFormat="1" ht="59.25" customHeight="1" x14ac:dyDescent="0.25">
      <c r="B88" s="72" t="s">
        <v>66</v>
      </c>
      <c r="C88" s="92" t="s">
        <v>157</v>
      </c>
      <c r="D88" s="42"/>
      <c r="E88" s="113"/>
      <c r="F88" s="114"/>
    </row>
    <row r="89" spans="2:6" s="16" customFormat="1" ht="99" customHeight="1" x14ac:dyDescent="0.25">
      <c r="B89" s="72" t="s">
        <v>67</v>
      </c>
      <c r="C89" s="92" t="s">
        <v>160</v>
      </c>
      <c r="D89" s="42"/>
      <c r="E89" s="113"/>
      <c r="F89" s="114"/>
    </row>
    <row r="90" spans="2:6" s="16" customFormat="1" ht="109.5" customHeight="1" x14ac:dyDescent="0.25">
      <c r="B90" s="72" t="s">
        <v>130</v>
      </c>
      <c r="C90" s="92" t="s">
        <v>161</v>
      </c>
      <c r="D90" s="42"/>
      <c r="E90" s="113"/>
      <c r="F90" s="114"/>
    </row>
    <row r="91" spans="2:6" s="16" customFormat="1" ht="74.25" customHeight="1" x14ac:dyDescent="0.25">
      <c r="B91" s="72" t="s">
        <v>131</v>
      </c>
      <c r="C91" s="92" t="s">
        <v>158</v>
      </c>
      <c r="D91" s="42"/>
      <c r="E91" s="113"/>
      <c r="F91" s="114"/>
    </row>
    <row r="92" spans="2:6" s="16" customFormat="1" ht="86.25" customHeight="1" x14ac:dyDescent="0.25">
      <c r="B92" s="72" t="s">
        <v>132</v>
      </c>
      <c r="C92" s="92" t="s">
        <v>159</v>
      </c>
      <c r="D92" s="42"/>
      <c r="E92" s="113"/>
      <c r="F92" s="114"/>
    </row>
    <row r="93" spans="2:6" s="16" customFormat="1" ht="82.5" customHeight="1" x14ac:dyDescent="0.25">
      <c r="B93" s="72" t="s">
        <v>133</v>
      </c>
      <c r="C93" s="92" t="s">
        <v>162</v>
      </c>
      <c r="D93" s="42"/>
      <c r="E93" s="113"/>
      <c r="F93" s="114"/>
    </row>
    <row r="94" spans="2:6" s="16" customFormat="1" ht="95.25" customHeight="1" x14ac:dyDescent="0.25">
      <c r="B94" s="93" t="s">
        <v>134</v>
      </c>
      <c r="C94" s="94" t="s">
        <v>163</v>
      </c>
      <c r="D94" s="42"/>
      <c r="E94" s="113"/>
      <c r="F94" s="114"/>
    </row>
    <row r="95" spans="2:6" s="16" customFormat="1" ht="36" customHeight="1" x14ac:dyDescent="0.25">
      <c r="B95" s="95" t="s">
        <v>209</v>
      </c>
      <c r="C95" s="96" t="s">
        <v>164</v>
      </c>
      <c r="D95" s="42"/>
      <c r="E95" s="113"/>
      <c r="F95" s="114"/>
    </row>
    <row r="96" spans="2:6" s="16" customFormat="1" ht="45" customHeight="1" x14ac:dyDescent="0.25">
      <c r="B96" s="95" t="s">
        <v>210</v>
      </c>
      <c r="C96" s="96" t="s">
        <v>165</v>
      </c>
      <c r="D96" s="42"/>
      <c r="E96" s="113"/>
      <c r="F96" s="114"/>
    </row>
    <row r="97" spans="2:6" s="16" customFormat="1" ht="46.5" customHeight="1" x14ac:dyDescent="0.25">
      <c r="B97" s="95" t="s">
        <v>211</v>
      </c>
      <c r="C97" s="96" t="s">
        <v>166</v>
      </c>
      <c r="D97" s="42"/>
      <c r="E97" s="113"/>
      <c r="F97" s="114"/>
    </row>
    <row r="98" spans="2:6" s="16" customFormat="1" ht="46.5" customHeight="1" x14ac:dyDescent="0.25">
      <c r="B98" s="95" t="s">
        <v>212</v>
      </c>
      <c r="C98" s="96" t="s">
        <v>167</v>
      </c>
      <c r="D98" s="42"/>
      <c r="E98" s="113"/>
      <c r="F98" s="114"/>
    </row>
    <row r="99" spans="2:6" s="16" customFormat="1" ht="32.25" customHeight="1" x14ac:dyDescent="0.25">
      <c r="B99" s="95" t="s">
        <v>213</v>
      </c>
      <c r="C99" s="96" t="s">
        <v>168</v>
      </c>
      <c r="D99" s="42"/>
      <c r="E99" s="113"/>
      <c r="F99" s="114"/>
    </row>
    <row r="100" spans="2:6" s="16" customFormat="1" ht="59.25" customHeight="1" x14ac:dyDescent="0.25">
      <c r="B100" s="95" t="s">
        <v>214</v>
      </c>
      <c r="C100" s="96" t="s">
        <v>169</v>
      </c>
      <c r="D100" s="42"/>
      <c r="E100" s="113"/>
      <c r="F100" s="114"/>
    </row>
    <row r="101" spans="2:6" s="16" customFormat="1" ht="36.75" customHeight="1" x14ac:dyDescent="0.25">
      <c r="B101" s="95" t="s">
        <v>215</v>
      </c>
      <c r="C101" s="96" t="s">
        <v>170</v>
      </c>
      <c r="D101" s="42"/>
      <c r="E101" s="113"/>
      <c r="F101" s="114"/>
    </row>
    <row r="102" spans="2:6" s="16" customFormat="1" ht="32.25" customHeight="1" x14ac:dyDescent="0.25">
      <c r="B102" s="95" t="s">
        <v>216</v>
      </c>
      <c r="C102" s="96" t="s">
        <v>171</v>
      </c>
      <c r="D102" s="42"/>
      <c r="E102" s="113"/>
      <c r="F102" s="114"/>
    </row>
    <row r="103" spans="2:6" s="16" customFormat="1" ht="48.75" customHeight="1" x14ac:dyDescent="0.25">
      <c r="B103" s="95" t="s">
        <v>217</v>
      </c>
      <c r="C103" s="96" t="s">
        <v>172</v>
      </c>
      <c r="D103" s="42"/>
      <c r="E103" s="113"/>
      <c r="F103" s="114"/>
    </row>
    <row r="104" spans="2:6" s="16" customFormat="1" ht="44.25" customHeight="1" x14ac:dyDescent="0.25">
      <c r="B104" s="97" t="s">
        <v>218</v>
      </c>
      <c r="C104" s="98" t="s">
        <v>173</v>
      </c>
      <c r="D104" s="42"/>
      <c r="E104" s="113"/>
      <c r="F104" s="114"/>
    </row>
    <row r="105" spans="2:6" s="16" customFormat="1" ht="60.75" customHeight="1" x14ac:dyDescent="0.25">
      <c r="B105" s="72" t="s">
        <v>135</v>
      </c>
      <c r="C105" s="92" t="s">
        <v>176</v>
      </c>
      <c r="D105" s="42"/>
      <c r="E105" s="113"/>
      <c r="F105" s="114"/>
    </row>
    <row r="106" spans="2:6" s="16" customFormat="1" ht="84" customHeight="1" x14ac:dyDescent="0.25">
      <c r="B106" s="72" t="s">
        <v>136</v>
      </c>
      <c r="C106" s="92" t="s">
        <v>177</v>
      </c>
      <c r="D106" s="42"/>
      <c r="E106" s="113"/>
      <c r="F106" s="114"/>
    </row>
    <row r="107" spans="2:6" s="16" customFormat="1" ht="36.75" customHeight="1" x14ac:dyDescent="0.25">
      <c r="B107" s="93" t="s">
        <v>137</v>
      </c>
      <c r="C107" s="94" t="s">
        <v>174</v>
      </c>
      <c r="D107" s="42"/>
      <c r="E107" s="113"/>
      <c r="F107" s="114"/>
    </row>
    <row r="108" spans="2:6" s="16" customFormat="1" ht="35.25" customHeight="1" x14ac:dyDescent="0.25">
      <c r="B108" s="95" t="s">
        <v>219</v>
      </c>
      <c r="C108" s="96" t="s">
        <v>175</v>
      </c>
      <c r="D108" s="42"/>
      <c r="E108" s="113"/>
      <c r="F108" s="114"/>
    </row>
    <row r="109" spans="2:6" s="16" customFormat="1" ht="60" customHeight="1" x14ac:dyDescent="0.25">
      <c r="B109" s="97" t="s">
        <v>220</v>
      </c>
      <c r="C109" s="98" t="s">
        <v>178</v>
      </c>
      <c r="D109" s="42"/>
      <c r="E109" s="113"/>
      <c r="F109" s="114"/>
    </row>
    <row r="110" spans="2:6" s="16" customFormat="1" ht="68.25" customHeight="1" x14ac:dyDescent="0.25">
      <c r="B110" s="93" t="s">
        <v>138</v>
      </c>
      <c r="C110" s="94" t="s">
        <v>179</v>
      </c>
      <c r="D110" s="42"/>
      <c r="E110" s="113"/>
      <c r="F110" s="114"/>
    </row>
    <row r="111" spans="2:6" s="16" customFormat="1" ht="60" customHeight="1" x14ac:dyDescent="0.25">
      <c r="B111" s="95" t="s">
        <v>221</v>
      </c>
      <c r="C111" s="96" t="s">
        <v>180</v>
      </c>
      <c r="D111" s="42"/>
      <c r="E111" s="113"/>
      <c r="F111" s="114"/>
    </row>
    <row r="112" spans="2:6" s="16" customFormat="1" ht="60" customHeight="1" x14ac:dyDescent="0.25">
      <c r="B112" s="97" t="s">
        <v>222</v>
      </c>
      <c r="C112" s="98" t="s">
        <v>181</v>
      </c>
      <c r="D112" s="42"/>
      <c r="E112" s="113"/>
      <c r="F112" s="114"/>
    </row>
    <row r="113" spans="2:6" s="16" customFormat="1" ht="123" customHeight="1" x14ac:dyDescent="0.25">
      <c r="B113" s="72" t="s">
        <v>223</v>
      </c>
      <c r="C113" s="92" t="s">
        <v>182</v>
      </c>
      <c r="D113" s="42"/>
      <c r="E113" s="113"/>
      <c r="F113" s="114"/>
    </row>
    <row r="114" spans="2:6" s="16" customFormat="1" ht="46.5" customHeight="1" x14ac:dyDescent="0.25">
      <c r="B114" s="72" t="s">
        <v>224</v>
      </c>
      <c r="C114" s="106" t="s">
        <v>193</v>
      </c>
      <c r="D114" s="42"/>
      <c r="E114" s="113"/>
      <c r="F114" s="114"/>
    </row>
    <row r="115" spans="2:6" s="16" customFormat="1" ht="71.25" customHeight="1" x14ac:dyDescent="0.25">
      <c r="B115" s="72" t="s">
        <v>225</v>
      </c>
      <c r="C115" s="106" t="s">
        <v>194</v>
      </c>
      <c r="D115" s="42"/>
      <c r="E115" s="113"/>
      <c r="F115" s="114"/>
    </row>
    <row r="116" spans="2:6" s="16" customFormat="1" ht="73.5" customHeight="1" x14ac:dyDescent="0.25">
      <c r="B116" s="72" t="s">
        <v>226</v>
      </c>
      <c r="C116" s="106" t="s">
        <v>183</v>
      </c>
      <c r="D116" s="42"/>
      <c r="E116" s="113"/>
      <c r="F116" s="114"/>
    </row>
    <row r="117" spans="2:6" s="16" customFormat="1" ht="36.75" customHeight="1" x14ac:dyDescent="0.25">
      <c r="B117" s="93" t="s">
        <v>227</v>
      </c>
      <c r="C117" s="107" t="s">
        <v>184</v>
      </c>
      <c r="D117" s="42"/>
      <c r="E117" s="113"/>
      <c r="F117" s="114"/>
    </row>
    <row r="118" spans="2:6" s="16" customFormat="1" ht="39" customHeight="1" x14ac:dyDescent="0.25">
      <c r="B118" s="95" t="s">
        <v>228</v>
      </c>
      <c r="C118" s="108" t="s">
        <v>185</v>
      </c>
      <c r="D118" s="42"/>
      <c r="E118" s="113"/>
      <c r="F118" s="114"/>
    </row>
    <row r="119" spans="2:6" s="16" customFormat="1" ht="59.25" customHeight="1" x14ac:dyDescent="0.25">
      <c r="B119" s="97" t="s">
        <v>229</v>
      </c>
      <c r="C119" s="109" t="s">
        <v>186</v>
      </c>
      <c r="D119" s="42"/>
      <c r="E119" s="113"/>
      <c r="F119" s="114"/>
    </row>
    <row r="120" spans="2:6" s="16" customFormat="1" ht="63" customHeight="1" x14ac:dyDescent="0.25">
      <c r="B120" s="72" t="s">
        <v>230</v>
      </c>
      <c r="C120" s="106" t="s">
        <v>187</v>
      </c>
      <c r="D120" s="42"/>
      <c r="E120" s="113"/>
      <c r="F120" s="114"/>
    </row>
    <row r="121" spans="2:6" s="16" customFormat="1" ht="59.25" customHeight="1" x14ac:dyDescent="0.25">
      <c r="B121" s="72" t="s">
        <v>231</v>
      </c>
      <c r="C121" s="106" t="s">
        <v>188</v>
      </c>
      <c r="D121" s="42"/>
      <c r="E121" s="113"/>
      <c r="F121" s="114"/>
    </row>
    <row r="122" spans="2:6" s="16" customFormat="1" ht="21.75" customHeight="1" x14ac:dyDescent="0.25">
      <c r="B122" s="72" t="s">
        <v>232</v>
      </c>
      <c r="C122" s="106" t="s">
        <v>189</v>
      </c>
      <c r="D122" s="42"/>
      <c r="E122" s="113"/>
      <c r="F122" s="114"/>
    </row>
    <row r="123" spans="2:6" s="16" customFormat="1" ht="45.75" customHeight="1" x14ac:dyDescent="0.25">
      <c r="B123" s="72" t="s">
        <v>233</v>
      </c>
      <c r="C123" s="106" t="s">
        <v>190</v>
      </c>
      <c r="D123" s="42"/>
      <c r="E123" s="113"/>
      <c r="F123" s="114"/>
    </row>
    <row r="124" spans="2:6" s="16" customFormat="1" ht="60" customHeight="1" x14ac:dyDescent="0.25">
      <c r="B124" s="72" t="s">
        <v>234</v>
      </c>
      <c r="C124" s="106" t="s">
        <v>191</v>
      </c>
      <c r="D124" s="42"/>
      <c r="E124" s="113"/>
      <c r="F124" s="114"/>
    </row>
    <row r="125" spans="2:6" s="16" customFormat="1" ht="83.25" customHeight="1" x14ac:dyDescent="0.25">
      <c r="B125" s="72" t="s">
        <v>235</v>
      </c>
      <c r="C125" s="106" t="s">
        <v>192</v>
      </c>
      <c r="D125" s="42"/>
      <c r="E125" s="113"/>
      <c r="F125" s="114"/>
    </row>
    <row r="126" spans="2:6" s="16" customFormat="1" ht="46.5" customHeight="1" x14ac:dyDescent="0.25">
      <c r="B126" s="72" t="s">
        <v>236</v>
      </c>
      <c r="C126" s="106" t="s">
        <v>195</v>
      </c>
      <c r="D126" s="42"/>
      <c r="E126" s="113"/>
      <c r="F126" s="114"/>
    </row>
    <row r="127" spans="2:6" s="16" customFormat="1" ht="57.75" customHeight="1" x14ac:dyDescent="0.25">
      <c r="B127" s="72" t="s">
        <v>237</v>
      </c>
      <c r="C127" s="106" t="s">
        <v>196</v>
      </c>
      <c r="D127" s="42"/>
      <c r="E127" s="113"/>
      <c r="F127" s="114"/>
    </row>
    <row r="128" spans="2:6" s="16" customFormat="1" ht="28.5" customHeight="1" x14ac:dyDescent="0.25">
      <c r="B128" s="93" t="s">
        <v>238</v>
      </c>
      <c r="C128" s="107" t="s">
        <v>197</v>
      </c>
      <c r="D128" s="42"/>
      <c r="E128" s="113"/>
      <c r="F128" s="114"/>
    </row>
    <row r="129" spans="2:7" s="16" customFormat="1" ht="87" customHeight="1" x14ac:dyDescent="0.25">
      <c r="B129" s="95" t="s">
        <v>239</v>
      </c>
      <c r="C129" s="108" t="s">
        <v>198</v>
      </c>
      <c r="D129" s="42"/>
      <c r="E129" s="113"/>
      <c r="F129" s="114"/>
    </row>
    <row r="130" spans="2:7" s="16" customFormat="1" ht="47.25" customHeight="1" x14ac:dyDescent="0.25">
      <c r="B130" s="97" t="s">
        <v>240</v>
      </c>
      <c r="C130" s="110" t="s">
        <v>199</v>
      </c>
      <c r="D130" s="42"/>
      <c r="E130" s="113"/>
      <c r="F130" s="114"/>
    </row>
    <row r="131" spans="2:7" s="16" customFormat="1" ht="74.25" customHeight="1" x14ac:dyDescent="0.25">
      <c r="B131" s="72" t="s">
        <v>241</v>
      </c>
      <c r="C131" s="92" t="s">
        <v>200</v>
      </c>
      <c r="D131" s="42"/>
      <c r="E131" s="113"/>
      <c r="F131" s="114"/>
    </row>
    <row r="132" spans="2:7" s="16" customFormat="1" ht="74.25" customHeight="1" x14ac:dyDescent="0.25">
      <c r="B132" s="72" t="s">
        <v>242</v>
      </c>
      <c r="C132" s="92" t="s">
        <v>202</v>
      </c>
      <c r="D132" s="42"/>
      <c r="E132" s="113"/>
      <c r="F132" s="114"/>
    </row>
    <row r="133" spans="2:7" s="16" customFormat="1" ht="60" customHeight="1" x14ac:dyDescent="0.25">
      <c r="B133" s="72" t="s">
        <v>243</v>
      </c>
      <c r="C133" s="92" t="s">
        <v>203</v>
      </c>
      <c r="D133" s="42"/>
      <c r="E133" s="113"/>
      <c r="F133" s="114"/>
    </row>
    <row r="134" spans="2:7" s="16" customFormat="1" ht="72.75" customHeight="1" x14ac:dyDescent="0.25">
      <c r="B134" s="72" t="s">
        <v>244</v>
      </c>
      <c r="C134" s="92" t="s">
        <v>201</v>
      </c>
      <c r="D134" s="42"/>
      <c r="E134" s="113"/>
      <c r="F134" s="114"/>
    </row>
    <row r="135" spans="2:7" s="16" customFormat="1" ht="40.5" customHeight="1" x14ac:dyDescent="0.25">
      <c r="B135" s="91" t="s">
        <v>245</v>
      </c>
      <c r="C135" s="92" t="s">
        <v>145</v>
      </c>
      <c r="D135" s="42"/>
      <c r="E135" s="113"/>
      <c r="F135" s="114"/>
    </row>
    <row r="136" spans="2:7" s="16" customFormat="1" ht="98.25" customHeight="1" x14ac:dyDescent="0.25">
      <c r="B136" s="91" t="s">
        <v>246</v>
      </c>
      <c r="C136" s="92" t="s">
        <v>144</v>
      </c>
      <c r="D136" s="42"/>
      <c r="E136" s="113"/>
      <c r="F136" s="114"/>
    </row>
    <row r="137" spans="2:7" s="16" customFormat="1" ht="123.75" customHeight="1" x14ac:dyDescent="0.25">
      <c r="B137" s="91" t="s">
        <v>247</v>
      </c>
      <c r="C137" s="92" t="s">
        <v>143</v>
      </c>
      <c r="D137" s="42"/>
      <c r="E137" s="113"/>
      <c r="F137" s="114"/>
    </row>
    <row r="138" spans="2:7" s="16" customFormat="1" ht="51.75" customHeight="1" x14ac:dyDescent="0.25">
      <c r="B138" s="91" t="s">
        <v>248</v>
      </c>
      <c r="C138" s="92" t="s">
        <v>142</v>
      </c>
      <c r="D138" s="42"/>
      <c r="E138" s="113"/>
      <c r="F138" s="114"/>
    </row>
    <row r="139" spans="2:7" s="16" customFormat="1" ht="83.25" customHeight="1" x14ac:dyDescent="0.25">
      <c r="B139" s="91" t="s">
        <v>249</v>
      </c>
      <c r="C139" s="92" t="s">
        <v>123</v>
      </c>
      <c r="D139" s="42"/>
      <c r="E139" s="113"/>
      <c r="F139" s="114"/>
    </row>
    <row r="140" spans="2:7" s="16" customFormat="1" ht="202.5" customHeight="1" x14ac:dyDescent="0.25">
      <c r="B140" s="91" t="s">
        <v>250</v>
      </c>
      <c r="C140" s="92" t="s">
        <v>140</v>
      </c>
      <c r="D140" s="42"/>
      <c r="E140" s="113"/>
      <c r="F140" s="114"/>
    </row>
    <row r="141" spans="2:7" s="16" customFormat="1" ht="213" customHeight="1" x14ac:dyDescent="0.25">
      <c r="B141" s="91" t="s">
        <v>251</v>
      </c>
      <c r="C141" s="92" t="s">
        <v>141</v>
      </c>
      <c r="D141" s="42"/>
      <c r="E141" s="113"/>
      <c r="F141" s="114"/>
    </row>
    <row r="142" spans="2:7" s="16" customFormat="1" ht="125.25" customHeight="1" x14ac:dyDescent="0.25">
      <c r="B142" s="91" t="s">
        <v>252</v>
      </c>
      <c r="C142" s="92" t="s">
        <v>139</v>
      </c>
      <c r="D142" s="42"/>
      <c r="E142" s="113"/>
      <c r="F142" s="114"/>
    </row>
    <row r="143" spans="2:7" s="16" customFormat="1" ht="43.5" customHeight="1" thickBot="1" x14ac:dyDescent="0.3">
      <c r="B143" s="111" t="s">
        <v>253</v>
      </c>
      <c r="C143" s="112" t="s">
        <v>124</v>
      </c>
      <c r="D143" s="50"/>
      <c r="E143" s="115"/>
      <c r="F143" s="116"/>
    </row>
    <row r="144" spans="2:7" s="25" customFormat="1" ht="5.0999999999999996" customHeight="1" x14ac:dyDescent="0.25">
      <c r="B144" s="47"/>
      <c r="C144" s="47"/>
      <c r="D144" s="48"/>
      <c r="E144" s="48"/>
      <c r="F144" s="49"/>
      <c r="G144" s="16"/>
    </row>
    <row r="145" spans="2:7" s="16" customFormat="1" ht="20.100000000000001" customHeight="1" x14ac:dyDescent="0.25">
      <c r="B145" s="131" t="s">
        <v>48</v>
      </c>
      <c r="C145" s="131"/>
      <c r="D145" s="131"/>
      <c r="E145" s="131"/>
      <c r="F145" s="131"/>
    </row>
    <row r="146" spans="2:7" s="16" customFormat="1" ht="4.5" customHeight="1" thickBot="1" x14ac:dyDescent="0.3"/>
    <row r="147" spans="2:7" s="16" customFormat="1" ht="80.25" customHeight="1" x14ac:dyDescent="0.25">
      <c r="B147" s="155" t="s">
        <v>49</v>
      </c>
      <c r="C147" s="156"/>
      <c r="D147" s="159" t="s">
        <v>50</v>
      </c>
      <c r="E147" s="160"/>
      <c r="F147" s="161"/>
    </row>
    <row r="148" spans="2:7" s="25" customFormat="1" ht="29.25" customHeight="1" thickBot="1" x14ac:dyDescent="0.3">
      <c r="B148" s="157"/>
      <c r="C148" s="158"/>
      <c r="D148" s="51" t="s">
        <v>7</v>
      </c>
      <c r="E148" s="162" t="s">
        <v>29</v>
      </c>
      <c r="F148" s="163"/>
      <c r="G148" s="16"/>
    </row>
    <row r="149" spans="2:7" s="25" customFormat="1" ht="172.5" customHeight="1" x14ac:dyDescent="0.25">
      <c r="B149" s="73" t="s">
        <v>16</v>
      </c>
      <c r="C149" s="74" t="s">
        <v>90</v>
      </c>
      <c r="D149" s="52"/>
      <c r="E149" s="129"/>
      <c r="F149" s="130"/>
      <c r="G149" s="16"/>
    </row>
    <row r="150" spans="2:7" s="25" customFormat="1" ht="31.5" customHeight="1" x14ac:dyDescent="0.25">
      <c r="B150" s="72" t="s">
        <v>52</v>
      </c>
      <c r="C150" s="75" t="s">
        <v>69</v>
      </c>
      <c r="D150" s="53"/>
      <c r="E150" s="171"/>
      <c r="F150" s="172"/>
      <c r="G150" s="16"/>
    </row>
    <row r="151" spans="2:7" s="25" customFormat="1" ht="27" customHeight="1" x14ac:dyDescent="0.25">
      <c r="B151" s="72" t="s">
        <v>53</v>
      </c>
      <c r="C151" s="76" t="s">
        <v>51</v>
      </c>
      <c r="D151" s="53"/>
      <c r="E151" s="171"/>
      <c r="F151" s="172"/>
      <c r="G151" s="16"/>
    </row>
    <row r="152" spans="2:7" s="25" customFormat="1" ht="42" customHeight="1" x14ac:dyDescent="0.25">
      <c r="B152" s="77" t="s">
        <v>54</v>
      </c>
      <c r="C152" s="78" t="s">
        <v>68</v>
      </c>
      <c r="D152" s="54"/>
      <c r="E152" s="113"/>
      <c r="F152" s="114"/>
      <c r="G152" s="16"/>
    </row>
    <row r="153" spans="2:7" s="25" customFormat="1" ht="85.5" customHeight="1" x14ac:dyDescent="0.25">
      <c r="B153" s="79" t="s">
        <v>61</v>
      </c>
      <c r="C153" s="69" t="s">
        <v>112</v>
      </c>
      <c r="D153" s="53"/>
      <c r="E153" s="171"/>
      <c r="F153" s="172"/>
      <c r="G153" s="16"/>
    </row>
    <row r="154" spans="2:7" s="25" customFormat="1" ht="57.75" customHeight="1" x14ac:dyDescent="0.25">
      <c r="B154" s="79" t="s">
        <v>62</v>
      </c>
      <c r="C154" s="69" t="s">
        <v>113</v>
      </c>
      <c r="D154" s="53"/>
      <c r="E154" s="171"/>
      <c r="F154" s="172"/>
      <c r="G154" s="16"/>
    </row>
    <row r="155" spans="2:7" s="25" customFormat="1" ht="39.950000000000003" customHeight="1" thickBot="1" x14ac:dyDescent="0.3">
      <c r="B155" s="80" t="s">
        <v>63</v>
      </c>
      <c r="C155" s="81" t="s">
        <v>114</v>
      </c>
      <c r="D155" s="55"/>
      <c r="E155" s="115"/>
      <c r="F155" s="116"/>
      <c r="G155" s="16"/>
    </row>
    <row r="156" spans="2:7" s="16" customFormat="1" ht="5.0999999999999996" customHeight="1" x14ac:dyDescent="0.25">
      <c r="B156" s="47"/>
      <c r="C156" s="47"/>
      <c r="D156" s="48"/>
      <c r="E156" s="48"/>
      <c r="F156" s="49"/>
    </row>
    <row r="157" spans="2:7" s="16" customFormat="1" ht="20.100000000000001" customHeight="1" x14ac:dyDescent="0.25">
      <c r="B157" s="131" t="s">
        <v>15</v>
      </c>
      <c r="C157" s="131"/>
      <c r="D157" s="131"/>
      <c r="E157" s="131"/>
      <c r="F157" s="131"/>
    </row>
    <row r="158" spans="2:7" s="25" customFormat="1" ht="24.75" customHeight="1" x14ac:dyDescent="0.25">
      <c r="B158" s="47" t="s">
        <v>17</v>
      </c>
      <c r="C158" s="168" t="s">
        <v>70</v>
      </c>
      <c r="D158" s="168"/>
      <c r="E158" s="168"/>
      <c r="F158" s="168"/>
      <c r="G158" s="16"/>
    </row>
    <row r="159" spans="2:7" s="25" customFormat="1" ht="23.25" customHeight="1" x14ac:dyDescent="0.25">
      <c r="B159" s="47" t="s">
        <v>88</v>
      </c>
      <c r="C159" s="168" t="s">
        <v>89</v>
      </c>
      <c r="D159" s="168"/>
      <c r="E159" s="168"/>
      <c r="F159" s="168"/>
      <c r="G159" s="16"/>
    </row>
    <row r="160" spans="2:7" s="56" customFormat="1" ht="30" customHeight="1" x14ac:dyDescent="0.25">
      <c r="B160" s="169" t="s">
        <v>30</v>
      </c>
      <c r="C160" s="169"/>
      <c r="D160" s="169"/>
      <c r="E160" s="169"/>
      <c r="F160" s="25"/>
      <c r="G160" s="16"/>
    </row>
    <row r="161" spans="1:15" s="16" customFormat="1" ht="24.95" customHeight="1" x14ac:dyDescent="0.25">
      <c r="B161" s="57" t="s">
        <v>31</v>
      </c>
      <c r="C161" s="166"/>
      <c r="D161" s="166"/>
      <c r="F161" s="56"/>
    </row>
    <row r="162" spans="1:15" s="16" customFormat="1" ht="24.95" customHeight="1" x14ac:dyDescent="0.25">
      <c r="B162" s="57" t="s">
        <v>32</v>
      </c>
      <c r="C162" s="166"/>
      <c r="D162" s="166"/>
      <c r="F162" s="56"/>
    </row>
    <row r="163" spans="1:15" s="16" customFormat="1" ht="24.95" customHeight="1" x14ac:dyDescent="0.25">
      <c r="B163" s="57" t="s">
        <v>33</v>
      </c>
      <c r="C163" s="166"/>
      <c r="D163" s="166"/>
      <c r="F163" s="56"/>
    </row>
    <row r="164" spans="1:15" s="25" customFormat="1" ht="24.95" customHeight="1" x14ac:dyDescent="0.25">
      <c r="B164" s="57" t="s">
        <v>34</v>
      </c>
      <c r="C164" s="166"/>
      <c r="D164" s="166"/>
      <c r="E164" s="16"/>
      <c r="F164" s="58"/>
      <c r="G164" s="16"/>
    </row>
    <row r="165" spans="1:15" s="16" customFormat="1" ht="14.25" customHeight="1" x14ac:dyDescent="0.2">
      <c r="B165" s="59"/>
      <c r="C165" s="1"/>
      <c r="D165" s="1"/>
      <c r="F165" s="60"/>
    </row>
    <row r="166" spans="1:15" s="25" customFormat="1" ht="15" customHeight="1" x14ac:dyDescent="0.25">
      <c r="B166" s="170" t="s">
        <v>35</v>
      </c>
      <c r="C166" s="170"/>
      <c r="D166" s="170"/>
      <c r="E166" s="170"/>
      <c r="F166" s="170"/>
    </row>
    <row r="167" spans="1:15" s="16" customFormat="1" ht="36.75" customHeight="1" x14ac:dyDescent="0.25">
      <c r="B167" s="167" t="s">
        <v>87</v>
      </c>
      <c r="C167" s="167"/>
      <c r="D167" s="167"/>
      <c r="E167" s="167"/>
      <c r="F167" s="167"/>
    </row>
    <row r="168" spans="1:15" s="16" customFormat="1" ht="20.100000000000001" customHeight="1" x14ac:dyDescent="0.2">
      <c r="B168" s="11"/>
      <c r="C168" s="11"/>
      <c r="D168" s="26"/>
      <c r="E168" s="26"/>
    </row>
    <row r="169" spans="1:15" s="25" customFormat="1" ht="4.5" customHeight="1" x14ac:dyDescent="0.2">
      <c r="B169" s="11"/>
      <c r="C169" s="11"/>
      <c r="D169" s="26"/>
      <c r="E169" s="26"/>
      <c r="F169" s="16"/>
    </row>
    <row r="170" spans="1:15" s="25" customFormat="1" ht="20.100000000000001" customHeight="1" x14ac:dyDescent="0.25">
      <c r="B170" s="61" t="s">
        <v>36</v>
      </c>
      <c r="C170" s="62"/>
      <c r="D170" s="63" t="s">
        <v>37</v>
      </c>
      <c r="E170" s="164"/>
      <c r="F170" s="164"/>
    </row>
    <row r="171" spans="1:15" s="25" customFormat="1" ht="20.100000000000001" customHeight="1" x14ac:dyDescent="0.25">
      <c r="B171" s="64"/>
      <c r="C171" s="64"/>
      <c r="D171" s="64"/>
      <c r="E171" s="65"/>
      <c r="F171" s="65"/>
    </row>
    <row r="172" spans="1:15" ht="20.100000000000001" customHeight="1" x14ac:dyDescent="0.2">
      <c r="B172" s="61" t="s">
        <v>38</v>
      </c>
      <c r="C172" s="62"/>
      <c r="D172" s="66" t="s">
        <v>39</v>
      </c>
      <c r="E172" s="165"/>
      <c r="F172" s="165"/>
    </row>
    <row r="173" spans="1:15" s="16" customFormat="1" ht="20.100000000000001" customHeight="1" x14ac:dyDescent="0.2">
      <c r="B173" s="11"/>
      <c r="C173" s="11"/>
      <c r="D173" s="66" t="s">
        <v>40</v>
      </c>
      <c r="E173" s="166"/>
      <c r="F173" s="166"/>
    </row>
    <row r="174" spans="1:15" s="16" customFormat="1" ht="20.100000000000001" customHeight="1" x14ac:dyDescent="0.2">
      <c r="B174" s="11"/>
      <c r="C174" s="11"/>
      <c r="D174" s="67" t="s">
        <v>41</v>
      </c>
      <c r="E174" s="11"/>
    </row>
    <row r="175" spans="1:15" s="1" customFormat="1" ht="12" x14ac:dyDescent="0.2">
      <c r="A175" s="154" t="s">
        <v>59</v>
      </c>
      <c r="B175" s="154"/>
      <c r="D175" s="84"/>
      <c r="E175" s="84"/>
      <c r="F175" s="2"/>
      <c r="G175" s="2"/>
      <c r="H175" s="2"/>
      <c r="I175" s="2"/>
      <c r="J175" s="2"/>
      <c r="K175" s="2"/>
      <c r="L175" s="2"/>
      <c r="M175" s="3"/>
      <c r="O175" s="3"/>
    </row>
    <row r="176" spans="1:15" s="10" customFormat="1" ht="15" x14ac:dyDescent="0.25">
      <c r="A176" s="4"/>
      <c r="B176" s="5" t="s">
        <v>60</v>
      </c>
      <c r="C176" s="6"/>
      <c r="D176" s="7"/>
      <c r="E176" s="7"/>
      <c r="F176" s="8"/>
      <c r="G176" s="8"/>
      <c r="H176" s="8"/>
      <c r="I176" s="8"/>
      <c r="J176" s="8"/>
      <c r="K176" s="8"/>
      <c r="L176" s="8"/>
      <c r="M176" s="9"/>
      <c r="O176" s="9"/>
    </row>
    <row r="177" spans="2:5" s="16" customFormat="1" ht="24" customHeight="1" x14ac:dyDescent="0.25"/>
    <row r="178" spans="2:5" s="16" customFormat="1" ht="24" customHeight="1" x14ac:dyDescent="0.25"/>
    <row r="179" spans="2:5" s="16" customFormat="1" ht="24" customHeight="1" x14ac:dyDescent="0.25"/>
    <row r="180" spans="2:5" s="16" customFormat="1" ht="20.100000000000001" customHeight="1" x14ac:dyDescent="0.25"/>
    <row r="181" spans="2:5" s="16" customFormat="1" ht="20.100000000000001" customHeight="1" x14ac:dyDescent="0.25"/>
    <row r="182" spans="2:5" s="16" customFormat="1" ht="50.1" customHeight="1" x14ac:dyDescent="0.25"/>
    <row r="183" spans="2:5" s="16" customFormat="1" ht="43.5" customHeight="1" x14ac:dyDescent="0.25"/>
    <row r="184" spans="2:5" ht="24.75" customHeight="1" x14ac:dyDescent="0.2">
      <c r="B184" s="16"/>
      <c r="C184" s="16"/>
      <c r="D184" s="16"/>
      <c r="E184" s="16"/>
    </row>
    <row r="185" spans="2:5" x14ac:dyDescent="0.2">
      <c r="B185" s="16"/>
      <c r="C185" s="16"/>
      <c r="D185" s="16"/>
      <c r="E185" s="16"/>
    </row>
    <row r="186" spans="2:5" ht="20.100000000000001" customHeight="1" x14ac:dyDescent="0.2"/>
    <row r="187" spans="2:5" ht="4.5" customHeight="1" x14ac:dyDescent="0.2"/>
    <row r="188" spans="2:5" ht="20.100000000000001" customHeight="1" x14ac:dyDescent="0.2"/>
    <row r="189" spans="2:5" ht="20.100000000000001" customHeight="1" x14ac:dyDescent="0.2"/>
    <row r="190" spans="2:5" ht="20.100000000000001" customHeight="1" x14ac:dyDescent="0.2"/>
  </sheetData>
  <sheetProtection algorithmName="SHA-512" hashValue="bncSezwNH2kCAEIRMqZqtl00HZtikFKNdFfUrSLtya629StAzkr/QTMFsXHzzjnLLvAOsonpaFR+GNjmxVoc1A==" saltValue="XJkrEG5DXur18mjndzp2Hg==" spinCount="100000" sheet="1" formatCells="0" formatColumns="0" formatRows="0" insertColumns="0" insertRows="0" insertHyperlinks="0" deleteColumns="0" deleteRows="0" selectLockedCells="1" sort="0" autoFilter="0" pivotTables="0"/>
  <mergeCells count="155">
    <mergeCell ref="E139:F139"/>
    <mergeCell ref="E81:F81"/>
    <mergeCell ref="E140:F140"/>
    <mergeCell ref="E45:F45"/>
    <mergeCell ref="E46:F46"/>
    <mergeCell ref="E47:F47"/>
    <mergeCell ref="B48:F48"/>
    <mergeCell ref="E83:F83"/>
    <mergeCell ref="E80:F80"/>
    <mergeCell ref="E82:F82"/>
    <mergeCell ref="E87:F87"/>
    <mergeCell ref="E111:F111"/>
    <mergeCell ref="E112:F112"/>
    <mergeCell ref="E113:F113"/>
    <mergeCell ref="E114:F114"/>
    <mergeCell ref="E115:F115"/>
    <mergeCell ref="E116:F116"/>
    <mergeCell ref="E117:F117"/>
    <mergeCell ref="E118:F118"/>
    <mergeCell ref="E119:F119"/>
    <mergeCell ref="E120:F120"/>
    <mergeCell ref="E130:F130"/>
    <mergeCell ref="E57:F57"/>
    <mergeCell ref="E62:F62"/>
    <mergeCell ref="C32:D32"/>
    <mergeCell ref="E58:F58"/>
    <mergeCell ref="E59:F59"/>
    <mergeCell ref="B13:D13"/>
    <mergeCell ref="E44:F44"/>
    <mergeCell ref="E49:F49"/>
    <mergeCell ref="E50:F50"/>
    <mergeCell ref="B14:C14"/>
    <mergeCell ref="C30:D30"/>
    <mergeCell ref="B15:D15"/>
    <mergeCell ref="B21:F21"/>
    <mergeCell ref="B22:D22"/>
    <mergeCell ref="B24:F24"/>
    <mergeCell ref="C29:D29"/>
    <mergeCell ref="B38:F38"/>
    <mergeCell ref="B40:C41"/>
    <mergeCell ref="D40:F40"/>
    <mergeCell ref="E41:F41"/>
    <mergeCell ref="B34:C34"/>
    <mergeCell ref="A175:B175"/>
    <mergeCell ref="B145:F145"/>
    <mergeCell ref="B147:C148"/>
    <mergeCell ref="D147:F147"/>
    <mergeCell ref="E148:F148"/>
    <mergeCell ref="E170:F170"/>
    <mergeCell ref="E172:F172"/>
    <mergeCell ref="E173:F173"/>
    <mergeCell ref="B167:F167"/>
    <mergeCell ref="B157:F157"/>
    <mergeCell ref="C158:F158"/>
    <mergeCell ref="B160:E160"/>
    <mergeCell ref="B166:F166"/>
    <mergeCell ref="C161:D161"/>
    <mergeCell ref="C162:D162"/>
    <mergeCell ref="C163:D163"/>
    <mergeCell ref="C164:D164"/>
    <mergeCell ref="E151:F151"/>
    <mergeCell ref="E150:F150"/>
    <mergeCell ref="C159:F159"/>
    <mergeCell ref="E152:F152"/>
    <mergeCell ref="E153:F153"/>
    <mergeCell ref="E154:F154"/>
    <mergeCell ref="E155:F155"/>
    <mergeCell ref="B1:F1"/>
    <mergeCell ref="B25:C25"/>
    <mergeCell ref="B28:C28"/>
    <mergeCell ref="E149:F149"/>
    <mergeCell ref="E76:F76"/>
    <mergeCell ref="E77:F77"/>
    <mergeCell ref="E78:F78"/>
    <mergeCell ref="B64:F64"/>
    <mergeCell ref="B66:C67"/>
    <mergeCell ref="D66:F66"/>
    <mergeCell ref="E67:F67"/>
    <mergeCell ref="B23:F23"/>
    <mergeCell ref="B18:D18"/>
    <mergeCell ref="B19:D19"/>
    <mergeCell ref="B20:F20"/>
    <mergeCell ref="B3:F3"/>
    <mergeCell ref="B7:F7"/>
    <mergeCell ref="B8:F8"/>
    <mergeCell ref="B9:F9"/>
    <mergeCell ref="B11:F11"/>
    <mergeCell ref="B12:D12"/>
    <mergeCell ref="E68:F68"/>
    <mergeCell ref="B42:F42"/>
    <mergeCell ref="B2:F2"/>
    <mergeCell ref="E43:F43"/>
    <mergeCell ref="B51:F51"/>
    <mergeCell ref="C31:D31"/>
    <mergeCell ref="E90:F90"/>
    <mergeCell ref="E69:F69"/>
    <mergeCell ref="E79:F79"/>
    <mergeCell ref="E85:F85"/>
    <mergeCell ref="E86:F86"/>
    <mergeCell ref="E60:F60"/>
    <mergeCell ref="E61:F61"/>
    <mergeCell ref="E70:F70"/>
    <mergeCell ref="E71:F71"/>
    <mergeCell ref="E72:F72"/>
    <mergeCell ref="E73:F73"/>
    <mergeCell ref="E74:F74"/>
    <mergeCell ref="E75:F75"/>
    <mergeCell ref="E84:F84"/>
    <mergeCell ref="E88:F88"/>
    <mergeCell ref="E89:F89"/>
    <mergeCell ref="E52:F52"/>
    <mergeCell ref="E53:F53"/>
    <mergeCell ref="E54:F54"/>
    <mergeCell ref="E55:F55"/>
    <mergeCell ref="E56:F56"/>
    <mergeCell ref="E141:F141"/>
    <mergeCell ref="E142:F142"/>
    <mergeCell ref="E143:F143"/>
    <mergeCell ref="E91:F91"/>
    <mergeCell ref="E92:F92"/>
    <mergeCell ref="E93:F93"/>
    <mergeCell ref="E94:F94"/>
    <mergeCell ref="E95:F95"/>
    <mergeCell ref="E96:F96"/>
    <mergeCell ref="E97:F97"/>
    <mergeCell ref="E98:F98"/>
    <mergeCell ref="E99:F99"/>
    <mergeCell ref="E100:F100"/>
    <mergeCell ref="E101:F101"/>
    <mergeCell ref="E102:F102"/>
    <mergeCell ref="E138:F138"/>
    <mergeCell ref="E103:F103"/>
    <mergeCell ref="E104:F104"/>
    <mergeCell ref="E105:F105"/>
    <mergeCell ref="E106:F106"/>
    <mergeCell ref="E107:F107"/>
    <mergeCell ref="E108:F108"/>
    <mergeCell ref="E109:F109"/>
    <mergeCell ref="E110:F110"/>
    <mergeCell ref="E131:F131"/>
    <mergeCell ref="E132:F132"/>
    <mergeCell ref="E133:F133"/>
    <mergeCell ref="E134:F134"/>
    <mergeCell ref="E135:F135"/>
    <mergeCell ref="E136:F136"/>
    <mergeCell ref="E137:F137"/>
    <mergeCell ref="E121:F121"/>
    <mergeCell ref="E122:F122"/>
    <mergeCell ref="E123:F123"/>
    <mergeCell ref="E124:F124"/>
    <mergeCell ref="E125:F125"/>
    <mergeCell ref="E126:F126"/>
    <mergeCell ref="E127:F127"/>
    <mergeCell ref="E128:F128"/>
    <mergeCell ref="E129:F129"/>
  </mergeCells>
  <conditionalFormatting sqref="D68:D141">
    <cfRule type="containsBlanks" dxfId="36" priority="158">
      <formula>LEN(TRIM(D68))=0</formula>
    </cfRule>
  </conditionalFormatting>
  <conditionalFormatting sqref="E172:F172">
    <cfRule type="containsBlanks" dxfId="35" priority="157">
      <formula>LEN(TRIM(E172))=0</formula>
    </cfRule>
  </conditionalFormatting>
  <conditionalFormatting sqref="C170">
    <cfRule type="containsBlanks" dxfId="34" priority="155">
      <formula>LEN(TRIM(C170))=0</formula>
    </cfRule>
  </conditionalFormatting>
  <conditionalFormatting sqref="E173:F173">
    <cfRule type="containsBlanks" dxfId="33" priority="156">
      <formula>LEN(TRIM(E173))=0</formula>
    </cfRule>
  </conditionalFormatting>
  <conditionalFormatting sqref="C172">
    <cfRule type="containsBlanks" dxfId="32" priority="154">
      <formula>LEN(TRIM(C172))=0</formula>
    </cfRule>
  </conditionalFormatting>
  <conditionalFormatting sqref="C4:C5">
    <cfRule type="containsBlanks" dxfId="31" priority="153">
      <formula>LEN(TRIM(C4))=0</formula>
    </cfRule>
  </conditionalFormatting>
  <conditionalFormatting sqref="D43">
    <cfRule type="containsBlanks" dxfId="30" priority="152">
      <formula>LEN(TRIM(D43))=0</formula>
    </cfRule>
  </conditionalFormatting>
  <conditionalFormatting sqref="D149">
    <cfRule type="containsBlanks" dxfId="29" priority="147">
      <formula>LEN(TRIM(D149))=0</formula>
    </cfRule>
  </conditionalFormatting>
  <conditionalFormatting sqref="C163:D163">
    <cfRule type="containsBlanks" dxfId="28" priority="143">
      <formula>LEN(TRIM(C163))=0</formula>
    </cfRule>
  </conditionalFormatting>
  <conditionalFormatting sqref="C162:D162">
    <cfRule type="containsBlanks" dxfId="27" priority="94">
      <formula>LEN(TRIM(C162))=0</formula>
    </cfRule>
  </conditionalFormatting>
  <conditionalFormatting sqref="C161:D161">
    <cfRule type="containsBlanks" dxfId="26" priority="93">
      <formula>LEN(TRIM(C161))=0</formula>
    </cfRule>
  </conditionalFormatting>
  <conditionalFormatting sqref="C164:D164">
    <cfRule type="containsBlanks" dxfId="25" priority="92">
      <formula>LEN(TRIM(C164))=0</formula>
    </cfRule>
  </conditionalFormatting>
  <conditionalFormatting sqref="D150">
    <cfRule type="containsBlanks" dxfId="24" priority="68">
      <formula>LEN(TRIM(D150))=0</formula>
    </cfRule>
  </conditionalFormatting>
  <conditionalFormatting sqref="D151">
    <cfRule type="containsBlanks" dxfId="23" priority="67">
      <formula>LEN(TRIM(D151))=0</formula>
    </cfRule>
  </conditionalFormatting>
  <conditionalFormatting sqref="D143">
    <cfRule type="containsBlanks" dxfId="22" priority="57">
      <formula>LEN(TRIM(D143))=0</formula>
    </cfRule>
  </conditionalFormatting>
  <conditionalFormatting sqref="D142">
    <cfRule type="containsBlanks" dxfId="21" priority="56">
      <formula>LEN(TRIM(D142))=0</formula>
    </cfRule>
  </conditionalFormatting>
  <conditionalFormatting sqref="D52">
    <cfRule type="containsBlanks" dxfId="20" priority="53">
      <formula>LEN(TRIM(D52))=0</formula>
    </cfRule>
  </conditionalFormatting>
  <conditionalFormatting sqref="D53">
    <cfRule type="containsBlanks" dxfId="19" priority="52">
      <formula>LEN(TRIM(D53))=0</formula>
    </cfRule>
  </conditionalFormatting>
  <conditionalFormatting sqref="D54">
    <cfRule type="containsBlanks" dxfId="18" priority="51">
      <formula>LEN(TRIM(D54))=0</formula>
    </cfRule>
  </conditionalFormatting>
  <conditionalFormatting sqref="D55">
    <cfRule type="containsBlanks" dxfId="17" priority="50">
      <formula>LEN(TRIM(D55))=0</formula>
    </cfRule>
  </conditionalFormatting>
  <conditionalFormatting sqref="D56">
    <cfRule type="containsBlanks" dxfId="16" priority="49">
      <formula>LEN(TRIM(D56))=0</formula>
    </cfRule>
  </conditionalFormatting>
  <conditionalFormatting sqref="D57">
    <cfRule type="containsBlanks" dxfId="15" priority="48">
      <formula>LEN(TRIM(D57))=0</formula>
    </cfRule>
  </conditionalFormatting>
  <conditionalFormatting sqref="D58">
    <cfRule type="containsBlanks" dxfId="14" priority="47">
      <formula>LEN(TRIM(D58))=0</formula>
    </cfRule>
  </conditionalFormatting>
  <conditionalFormatting sqref="D59">
    <cfRule type="containsBlanks" dxfId="13" priority="46">
      <formula>LEN(TRIM(D59))=0</formula>
    </cfRule>
  </conditionalFormatting>
  <conditionalFormatting sqref="D60">
    <cfRule type="containsBlanks" dxfId="12" priority="45">
      <formula>LEN(TRIM(D60))=0</formula>
    </cfRule>
  </conditionalFormatting>
  <conditionalFormatting sqref="D61">
    <cfRule type="containsBlanks" dxfId="11" priority="44">
      <formula>LEN(TRIM(D61))=0</formula>
    </cfRule>
  </conditionalFormatting>
  <conditionalFormatting sqref="D62">
    <cfRule type="containsBlanks" dxfId="10" priority="43">
      <formula>LEN(TRIM(D62))=0</formula>
    </cfRule>
  </conditionalFormatting>
  <conditionalFormatting sqref="D152">
    <cfRule type="containsBlanks" dxfId="9" priority="42">
      <formula>LEN(TRIM(D152))=0</formula>
    </cfRule>
  </conditionalFormatting>
  <conditionalFormatting sqref="D155">
    <cfRule type="containsBlanks" dxfId="8" priority="41">
      <formula>LEN(TRIM(D155))=0</formula>
    </cfRule>
  </conditionalFormatting>
  <conditionalFormatting sqref="D153">
    <cfRule type="containsBlanks" dxfId="7" priority="40">
      <formula>LEN(TRIM(D153))=0</formula>
    </cfRule>
  </conditionalFormatting>
  <conditionalFormatting sqref="D154">
    <cfRule type="containsBlanks" dxfId="6" priority="39">
      <formula>LEN(TRIM(D154))=0</formula>
    </cfRule>
  </conditionalFormatting>
  <conditionalFormatting sqref="D44">
    <cfRule type="containsBlanks" dxfId="5" priority="38">
      <formula>LEN(TRIM(D44))=0</formula>
    </cfRule>
  </conditionalFormatting>
  <conditionalFormatting sqref="D49">
    <cfRule type="containsBlanks" dxfId="4" priority="37">
      <formula>LEN(TRIM(D49))=0</formula>
    </cfRule>
  </conditionalFormatting>
  <conditionalFormatting sqref="D50">
    <cfRule type="containsBlanks" dxfId="3" priority="36">
      <formula>LEN(TRIM(D50))=0</formula>
    </cfRule>
  </conditionalFormatting>
  <conditionalFormatting sqref="D45">
    <cfRule type="containsBlanks" dxfId="2" priority="3">
      <formula>LEN(TRIM(D45))=0</formula>
    </cfRule>
  </conditionalFormatting>
  <conditionalFormatting sqref="D46">
    <cfRule type="containsBlanks" dxfId="1" priority="2">
      <formula>LEN(TRIM(D46))=0</formula>
    </cfRule>
  </conditionalFormatting>
  <conditionalFormatting sqref="D47">
    <cfRule type="containsBlanks" dxfId="0" priority="1">
      <formula>LEN(TRIM(D47))=0</formula>
    </cfRule>
  </conditionalFormatting>
  <printOptions horizontalCentered="1"/>
  <pageMargins left="0.70866141732283472" right="0.70866141732283472" top="0.9055118110236221" bottom="0.74803149606299213" header="0.31496062992125984" footer="0.31496062992125984"/>
  <pageSetup paperSize="9" scale="53" orientation="portrait" r:id="rId1"/>
  <headerFooter>
    <oddHeader>&amp;C&amp;"Arial,Normálne"&amp;16CENOVÁ PONUKA&amp;14
pre účel
prípravnej trhovej konzultácie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4</xdr:row>
                    <xdr:rowOff>9525</xdr:rowOff>
                  </from>
                  <to>
                    <xdr:col>1</xdr:col>
                    <xdr:colOff>885825</xdr:colOff>
                    <xdr:row>34</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5</xdr:row>
                    <xdr:rowOff>0</xdr:rowOff>
                  </from>
                  <to>
                    <xdr:col>1</xdr:col>
                    <xdr:colOff>885825</xdr:colOff>
                    <xdr:row>35</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3-07-06T11:41:56Z</cp:lastPrinted>
  <dcterms:created xsi:type="dcterms:W3CDTF">2017-04-21T05:51:15Z</dcterms:created>
  <dcterms:modified xsi:type="dcterms:W3CDTF">2023-08-10T08:25:38Z</dcterms:modified>
</cp:coreProperties>
</file>